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iff" ContentType="image/tiff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notesSlides/notesSlide1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37"/>
  </p:sldMasterIdLst>
  <p:notesMasterIdLst>
    <p:notesMasterId r:id="rId60"/>
  </p:notesMasterIdLst>
  <p:handoutMasterIdLst>
    <p:handoutMasterId r:id="rId61"/>
  </p:handoutMasterIdLst>
  <p:sldIdLst>
    <p:sldId id="279" r:id="rId38"/>
    <p:sldId id="269" r:id="rId39"/>
    <p:sldId id="280" r:id="rId40"/>
    <p:sldId id="274" r:id="rId41"/>
    <p:sldId id="282" r:id="rId42"/>
    <p:sldId id="260" r:id="rId43"/>
    <p:sldId id="283" r:id="rId44"/>
    <p:sldId id="284" r:id="rId45"/>
    <p:sldId id="270" r:id="rId46"/>
    <p:sldId id="256" r:id="rId47"/>
    <p:sldId id="288" r:id="rId48"/>
    <p:sldId id="286" r:id="rId49"/>
    <p:sldId id="289" r:id="rId50"/>
    <p:sldId id="290" r:id="rId51"/>
    <p:sldId id="291" r:id="rId52"/>
    <p:sldId id="292" r:id="rId53"/>
    <p:sldId id="293" r:id="rId54"/>
    <p:sldId id="294" r:id="rId55"/>
    <p:sldId id="281" r:id="rId56"/>
    <p:sldId id="275" r:id="rId57"/>
    <p:sldId id="277" r:id="rId58"/>
    <p:sldId id="278" r:id="rId59"/>
  </p:sldIdLst>
  <p:sldSz cx="12192000" cy="6858000"/>
  <p:notesSz cx="6858000" cy="9144000"/>
  <p:embeddedFontLst>
    <p:embeddedFont>
      <p:font typeface="AA Zuehlke" panose="02000503060000020004" pitchFamily="2" charset="77"/>
      <p:regular r:id="rId62"/>
      <p:italic r:id="rId63"/>
    </p:embeddedFont>
    <p:embeddedFont>
      <p:font typeface="AA Zuehlke Medium" panose="02000503060000020004" pitchFamily="2" charset="77"/>
      <p:regular r:id="rId64"/>
      <p:italic r:id="rId65"/>
    </p:embeddedFont>
    <p:embeddedFont>
      <p:font typeface="Comic Sans MS" panose="030F0902030302020204" pitchFamily="66" charset="0"/>
      <p:regular r:id="rId66"/>
      <p:bold r:id="rId67"/>
    </p:embeddedFont>
  </p:embeddedFontLst>
  <p:custDataLst>
    <p:tags r:id="rId68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2F2F2"/>
    <a:srgbClr val="CCFF00"/>
    <a:srgbClr val="00CC66"/>
    <a:srgbClr val="0099CC"/>
    <a:srgbClr val="000000"/>
    <a:srgbClr val="66CCFF"/>
    <a:srgbClr val="FF9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B61F8CF-EDE6-BB4F-9FC9-9D6992C95D1B}" v="305" dt="2019-07-23T15:24:52.118"/>
  </p1510:revLst>
</p1510:revInfo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103" autoAdjust="0"/>
    <p:restoredTop sz="94558" autoAdjust="0"/>
  </p:normalViewPr>
  <p:slideViewPr>
    <p:cSldViewPr showGuides="1">
      <p:cViewPr varScale="1">
        <p:scale>
          <a:sx n="140" d="100"/>
          <a:sy n="140" d="100"/>
        </p:scale>
        <p:origin x="224" y="25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customXml" Target="../customXml/item26.xml"/><Relationship Id="rId21" Type="http://schemas.openxmlformats.org/officeDocument/2006/relationships/customXml" Target="../customXml/item21.xml"/><Relationship Id="rId42" Type="http://schemas.openxmlformats.org/officeDocument/2006/relationships/slide" Target="slides/slide5.xml"/><Relationship Id="rId47" Type="http://schemas.openxmlformats.org/officeDocument/2006/relationships/slide" Target="slides/slide10.xml"/><Relationship Id="rId63" Type="http://schemas.openxmlformats.org/officeDocument/2006/relationships/font" Target="fonts/font2.fntdata"/><Relationship Id="rId68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slideMaster" Target="slideMasters/slideMaster1.xml"/><Relationship Id="rId40" Type="http://schemas.openxmlformats.org/officeDocument/2006/relationships/slide" Target="slides/slide3.xml"/><Relationship Id="rId45" Type="http://schemas.openxmlformats.org/officeDocument/2006/relationships/slide" Target="slides/slide8.xml"/><Relationship Id="rId53" Type="http://schemas.openxmlformats.org/officeDocument/2006/relationships/slide" Target="slides/slide16.xml"/><Relationship Id="rId58" Type="http://schemas.openxmlformats.org/officeDocument/2006/relationships/slide" Target="slides/slide21.xml"/><Relationship Id="rId66" Type="http://schemas.openxmlformats.org/officeDocument/2006/relationships/font" Target="fonts/font5.fntdata"/><Relationship Id="rId74" Type="http://schemas.microsoft.com/office/2015/10/relationships/revisionInfo" Target="revisionInfo.xml"/><Relationship Id="rId5" Type="http://schemas.openxmlformats.org/officeDocument/2006/relationships/customXml" Target="../customXml/item5.xml"/><Relationship Id="rId61" Type="http://schemas.openxmlformats.org/officeDocument/2006/relationships/handoutMaster" Target="handoutMasters/handoutMaster1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slide" Target="slides/slide6.xml"/><Relationship Id="rId48" Type="http://schemas.openxmlformats.org/officeDocument/2006/relationships/slide" Target="slides/slide11.xml"/><Relationship Id="rId56" Type="http://schemas.openxmlformats.org/officeDocument/2006/relationships/slide" Target="slides/slide19.xml"/><Relationship Id="rId64" Type="http://schemas.openxmlformats.org/officeDocument/2006/relationships/font" Target="fonts/font3.fntdata"/><Relationship Id="rId69" Type="http://schemas.openxmlformats.org/officeDocument/2006/relationships/presProps" Target="presProps.xml"/><Relationship Id="rId8" Type="http://schemas.openxmlformats.org/officeDocument/2006/relationships/customXml" Target="../customXml/item8.xml"/><Relationship Id="rId51" Type="http://schemas.openxmlformats.org/officeDocument/2006/relationships/slide" Target="slides/slide14.xml"/><Relationship Id="rId72" Type="http://schemas.openxmlformats.org/officeDocument/2006/relationships/tableStyles" Target="tableStyles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slide" Target="slides/slide1.xml"/><Relationship Id="rId46" Type="http://schemas.openxmlformats.org/officeDocument/2006/relationships/slide" Target="slides/slide9.xml"/><Relationship Id="rId59" Type="http://schemas.openxmlformats.org/officeDocument/2006/relationships/slide" Target="slides/slide22.xml"/><Relationship Id="rId67" Type="http://schemas.openxmlformats.org/officeDocument/2006/relationships/font" Target="fonts/font6.fntdata"/><Relationship Id="rId20" Type="http://schemas.openxmlformats.org/officeDocument/2006/relationships/customXml" Target="../customXml/item20.xml"/><Relationship Id="rId41" Type="http://schemas.openxmlformats.org/officeDocument/2006/relationships/slide" Target="slides/slide4.xml"/><Relationship Id="rId54" Type="http://schemas.openxmlformats.org/officeDocument/2006/relationships/slide" Target="slides/slide17.xml"/><Relationship Id="rId62" Type="http://schemas.openxmlformats.org/officeDocument/2006/relationships/font" Target="fonts/font1.fntdata"/><Relationship Id="rId7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slide" Target="slides/slide12.xml"/><Relationship Id="rId57" Type="http://schemas.openxmlformats.org/officeDocument/2006/relationships/slide" Target="slides/slide20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slide" Target="slides/slide7.xml"/><Relationship Id="rId52" Type="http://schemas.openxmlformats.org/officeDocument/2006/relationships/slide" Target="slides/slide15.xml"/><Relationship Id="rId60" Type="http://schemas.openxmlformats.org/officeDocument/2006/relationships/notesMaster" Target="notesMasters/notesMaster1.xml"/><Relationship Id="rId65" Type="http://schemas.openxmlformats.org/officeDocument/2006/relationships/font" Target="fonts/font4.fntdata"/><Relationship Id="rId73" Type="http://schemas.microsoft.com/office/2016/11/relationships/changesInfo" Target="changesInfos/changesInfo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slide" Target="slides/slide2.xml"/><Relationship Id="rId34" Type="http://schemas.openxmlformats.org/officeDocument/2006/relationships/customXml" Target="../customXml/item34.xml"/><Relationship Id="rId50" Type="http://schemas.openxmlformats.org/officeDocument/2006/relationships/slide" Target="slides/slide13.xml"/><Relationship Id="rId55" Type="http://schemas.openxmlformats.org/officeDocument/2006/relationships/slide" Target="slides/slide18.xml"/><Relationship Id="rId7" Type="http://schemas.openxmlformats.org/officeDocument/2006/relationships/customXml" Target="../customXml/item7.xml"/><Relationship Id="rId71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ans, Casper" userId="fbf8adc5-1089-43b8-8d46-07b791c064ca" providerId="ADAL" clId="{4B61F8CF-EDE6-BB4F-9FC9-9D6992C95D1B}"/>
    <pc:docChg chg="undo custSel modSld">
      <pc:chgData name="Lans, Casper" userId="fbf8adc5-1089-43b8-8d46-07b791c064ca" providerId="ADAL" clId="{4B61F8CF-EDE6-BB4F-9FC9-9D6992C95D1B}" dt="2019-07-23T15:24:52.118" v="90"/>
      <pc:docMkLst>
        <pc:docMk/>
      </pc:docMkLst>
      <pc:sldChg chg="addSp delSp modSp modTransition">
        <pc:chgData name="Lans, Casper" userId="fbf8adc5-1089-43b8-8d46-07b791c064ca" providerId="ADAL" clId="{4B61F8CF-EDE6-BB4F-9FC9-9D6992C95D1B}" dt="2019-07-23T15:24:52.118" v="90"/>
        <pc:sldMkLst>
          <pc:docMk/>
          <pc:sldMk cId="3602300337" sldId="269"/>
        </pc:sldMkLst>
        <pc:spChg chg="del">
          <ac:chgData name="Lans, Casper" userId="fbf8adc5-1089-43b8-8d46-07b791c064ca" providerId="ADAL" clId="{4B61F8CF-EDE6-BB4F-9FC9-9D6992C95D1B}" dt="2019-07-23T15:24:52.118" v="90"/>
          <ac:spMkLst>
            <pc:docMk/>
            <pc:sldMk cId="3602300337" sldId="269"/>
            <ac:spMk id="2" creationId="{A3BD8F97-97B1-4C5D-BEF3-10838905AB06}"/>
          </ac:spMkLst>
        </pc:spChg>
        <pc:spChg chg="mod">
          <ac:chgData name="Lans, Casper" userId="fbf8adc5-1089-43b8-8d46-07b791c064ca" providerId="ADAL" clId="{4B61F8CF-EDE6-BB4F-9FC9-9D6992C95D1B}" dt="2019-07-23T15:23:42.821" v="40" actId="20577"/>
          <ac:spMkLst>
            <pc:docMk/>
            <pc:sldMk cId="3602300337" sldId="269"/>
            <ac:spMk id="3" creationId="{FF1CEE52-3242-4D20-8637-A57CE2DE2031}"/>
          </ac:spMkLst>
        </pc:spChg>
        <pc:spChg chg="mod">
          <ac:chgData name="Lans, Casper" userId="fbf8adc5-1089-43b8-8d46-07b791c064ca" providerId="ADAL" clId="{4B61F8CF-EDE6-BB4F-9FC9-9D6992C95D1B}" dt="2019-07-23T15:24:22.735" v="89" actId="20577"/>
          <ac:spMkLst>
            <pc:docMk/>
            <pc:sldMk cId="3602300337" sldId="269"/>
            <ac:spMk id="4" creationId="{41044319-EDEC-43DF-8B82-59F42CAE9439}"/>
          </ac:spMkLst>
        </pc:spChg>
        <pc:picChg chg="add mod">
          <ac:chgData name="Lans, Casper" userId="fbf8adc5-1089-43b8-8d46-07b791c064ca" providerId="ADAL" clId="{4B61F8CF-EDE6-BB4F-9FC9-9D6992C95D1B}" dt="2019-07-23T15:24:52.118" v="90"/>
          <ac:picMkLst>
            <pc:docMk/>
            <pc:sldMk cId="3602300337" sldId="269"/>
            <ac:picMk id="7" creationId="{3EA57BF7-11BF-0944-9630-77DADE42F22B}"/>
          </ac:picMkLst>
        </pc:picChg>
      </pc:sldChg>
      <pc:sldChg chg="addSp modSp">
        <pc:chgData name="Lans, Casper" userId="fbf8adc5-1089-43b8-8d46-07b791c064ca" providerId="ADAL" clId="{4B61F8CF-EDE6-BB4F-9FC9-9D6992C95D1B}" dt="2019-07-23T15:22:58.025" v="1" actId="1076"/>
        <pc:sldMkLst>
          <pc:docMk/>
          <pc:sldMk cId="3287669307" sldId="286"/>
        </pc:sldMkLst>
        <pc:picChg chg="add mod">
          <ac:chgData name="Lans, Casper" userId="fbf8adc5-1089-43b8-8d46-07b791c064ca" providerId="ADAL" clId="{4B61F8CF-EDE6-BB4F-9FC9-9D6992C95D1B}" dt="2019-07-23T15:22:58.025" v="1" actId="1076"/>
          <ac:picMkLst>
            <pc:docMk/>
            <pc:sldMk cId="3287669307" sldId="286"/>
            <ac:picMk id="5" creationId="{DD0F7403-671E-6744-B9F4-894797EAACFD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23/07/2019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19-07-19T16:53:15.133"/>
    </inkml:context>
    <inkml:brush xml:id="br0">
      <inkml:brushProperty name="width" value="0.1" units="cm"/>
      <inkml:brushProperty name="height" value="0.1" units="cm"/>
    </inkml:brush>
  </inkml:definitions>
  <inkml:trace contextRef="#ctx0" brushRef="#br0">4476 2341 24575,'-25'-21'0,"0"1"0,-9-3 0,-10-1 0,-35-11 0,29 22 0,-3 1-1165,-13-8 0,-4 1 1165,-10 8 0,-3 2 0,1-4 0,-1 0-970,-10 2 1,-2 3 969,0 2 0,-2 2 0,28 0 0,-1 1 0,0 1 0,1 2 0,0 0 0,-1 0 0,-8 0 0,-1 0 0,2 0 0,-23 0 0,1 0 0,26 0 0,-1 0 0,1 0 0,-24 3 0,3 3 0,4 1 0,2 4-795,-1 1 1,3 4 794,10 5 0,2 1 0,-1-5 0,3 2-202,9 5 0,2-1 202,0-5 0,0-1 0,0 6 0,1 1 0,2-4 0,3 0 0,3 3 0,1 0 0,2-1 0,2 1 0,-23 18 0,-7 1 0,10-1 0,5-1 0,-4 1 0,10 0 1348,-11-1-1348,21-7 2395,2 3-2395,17-18 1952,10 7-1952,2-9 567,0 5-567,3 5 0,-7-4 0,1 10 0,1-4 0,-3 0 0,13 4 0,-3-10 0,10 5 0,0-1 0,0 2 0,0 6 0,0 0 0,0 7 0,10-12 0,-3 11 0,13-12 0,-2 6 0,4 0 0,9 8 0,0-4 0,8 7 0,4-13 0,-4 4 0,11-3 0,-5-1 0,6 0 0,1 0 0,6 1 0,4 8 0,6-6 0,-1-2 0,10-5 0,-7-7 0,6 11 0,-8-9 0,9 11 0,2-6-618,9 2 618,0-1 0,-40-14 0,1 0 0,1-3 0,1-1 0,15 1 0,1 0-637,-9-1 1,0 1 636,14 0 0,0 2 0,-3 7 0,-2 0 0,-3-3 0,-1-1 0,10 4 0,-1 0 0,-20-5 0,-1-1-284,9-2 0,-1-1 284,31 16 0,8-11 0,-49-6 0,0-1 0,1-2 0,0-1 0,4 2 0,3-2-634,8-2 0,3-1 634,0 4 0,3-1-623,15-6 1,3 0 622,-7 3 0,1 0 0,10-4 0,2 0 0,-6 0 0,0 0 0,-1 0 0,2 0 0,4 0 0,-1 0 0,-4-3 0,1-3 0,5-2 0,1-3 0,-7-2 0,0-3 0,-1-2 0,-2-1 0,-9 2 0,-4-1 0,-8 1 0,-4 1 361,-5 3 0,-3 1-361,26-8 0,-17 7 0,-13 0 511,-21-2-511,-7 7 1267,-7-5-1267,-5 8 2050,0-4-2050,5-1 422,2-4-422,17-4 0,12-12 0,15-4 0,7-7 0,10 5 0,-7 3 0,-1 6 0,-12 1 0,-20 3 0,-4 0 0,-17 8 0,-6 1 0,-6 4 0,-4-4 0,0 4 0,0-10 0,0 10 0,0-4 0,0-1 0,0 0 0,0-6 0,0 6 0,0-4 0,0 3 0,0-5 0,0 1 0,0-7 0,0-1 0,-10-6 0,7 0 0,-17 0 0,12 0 0,-13 0 0,8 0 0,-3 6 0,0-4 0,4 10 0,-9-11 0,5 11 0,-2-11 0,-1 11 0,6-10 0,-7 4 0,-5-8 0,-6 0 0,-7-9 0,-2-1 0,-7-3 0,7 4 0,-13 5 0,6-6 0,-13 4 0,-14-15-848,30 26 1,-5-1 847,-14-7 0,-6-1 0,-9-6 0,-5-2 0,17 12 0,-2-2 0,-1 2-1094,-4 0 1,0 0-1,-2 1 1094,-1-1 0,-1 1 0,1 1 0,4 3 0,0 1 0,2 1 0,5 2 0,1 2 0,1 0 0,-26-8 0,3 0 0,9 2 0,4 2-148,8 7 1,3 1 147,6 1 0,4 1 0,-28-3 0,19 2 0,23 13 1372,12 2-1372,16 5 0,0 0 0,6 0 0</inkml:trace>
  <inkml:trace contextRef="#ctx0" brushRef="#br0" timeOffset="3866">6429 2312 24575,'26'-5'0,"-7"0"0,0-1 0,-3-2 0,4 2 0,7-5 0,-6 1 0,12-2 0,2-5 0,8 4 0,23-13 0,26-5-832,-37 11 0,4-1 832,14-1 0,1 0 0,-5-3 0,0 0 0,4 7 0,1 0 0,-1-7 0,1 0-1258,6 2 0,3-1 1258,-21 3 0,1-2 0,4 1-1105,10-3 0,3 1 0,2-2 1105,8-2 0,3-1 0,2-2-951,-15 6 1,2-2 0,2 1 0,1-1 950,6-1 0,2 0 0,1-1 0,-1 1 0,1 0 0,-1-1 0,1 1 0,0 0 0,-16 5 0,0 0 0,1 0 0,-1 1 0,-1 0 0,12-1 0,0 2 0,-2 0 0,0 0 0,-3 0 0,-1 0 0,0 1 0,-2 0 0,-2 3 0,-1-1 0,-1 2 0,-2-2 0,14-3 0,-3-1 0,0 1-452,0 2 1,0 1 0,-5 0 451,13-6 0,-4 2 282,-1 7 1,-4 1-283,-27-2 0,-2 2 988,-1 5 0,-1 0-988,25-12 0,-3 1 0,1 5 0,2-12 0,0 11 0,-3-5 0,-16 8 4293,-9 1-4293,-10 0 4055,-7 5-4055,-7-2 1436,6 3-1436,-16-4 325,3 4-325,-11-3 0,11 8 0,12-21 0,38-4 0,15-11-833,-26 13 1,4 1 832,5 5 0,0 0 0,-5-6 0,1 1 0,9 4 0,-2 1-284,-18-1 0,-3 0 284,1 4 0,-2 0 0,28-13 0,-25 3 0,-9 6 0,-22 3 0,-6 11 1614,-1-4-1614,1-1 619,11-7-619,2 0 0,0 1 0,12 4 0,-11 1 0,6 0 0,-8 4 0,-16-1 0,-24 7 0,-32-3 0,-36 4 0,27 0 0,-3 0-665,-10 0 1,-2 0 664,0 0 0,0 0 0,-5 0 0,0 0 0,6-1 0,1 2 0,9 1 0,2 2-54,5-1 0,2 2 54,-27 9 0,16-7 0,-6 5 0,21-5 0,-4 0 1321,21 3-1321,6-9 116,3 3-116,9 0 0,-5-3 0,6 3 0,0 0 0,-11 2 0,3 4 0,-16-4 0,11 3 0,1-3 0,10-1 0,7-1 0</inkml:trace>
  <inkml:trace contextRef="#ctx0" brushRef="#br0" timeOffset="5294">14094 148 24575,'-23'41'0,"-7"10"0,-4 8 0,-16 21 0,-2-7 0,22-27 0,-2 0 0,1-3 0,1-1 0,-30 35 0,18-22 0,-2 3 0,2-5 0,1-3 0,5-6 0,4-3 0,-16 24 0,44-61 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19-07-19T16:56:22.142"/>
    </inkml:context>
    <inkml:brush xml:id="br0">
      <inkml:brushProperty name="width" value="0.1" units="cm"/>
      <inkml:brushProperty name="height" value="0.1" units="cm"/>
    </inkml:brush>
  </inkml:definitions>
  <inkml:trace contextRef="#ctx0" brushRef="#br0">9560 3904 24575,'28'79'0,"-6"-3"0,6 11-2219,-5 4 2219,-10-31 0,-1 2 0,-3-6 0,-2 1 0,1 9 0,-1 0 0,-6-4 0,0 0 0,3 11 0,-1 1 0,-2-10 0,-2-1 0,1 5 0,0-3 0,0-14 0,0-1 130,0 48-130,0-1 0,0-15 0,0-3 501,0-22-501,0-14 0,0-2 0,0-18 1115,0-3-1115,0-11 473,0 5-473,0-4 0,0 5 0,0-1 0,0-4 0,0 9 0,0-8 0,0 8 0,0-9 0,0 4 0,0 0 0,0 2 0,0 4 0,0-5 0,0 0 0,9-10 0,9-1 0,17-4 0,7-6 0,16 5 0,11-5 0,10 0-520,-26 5 1,2 0 519,2-2 0,0-1 0,10 4 0,1 0-883,5 1 0,1-2 883,7-3 0,1 0 0,0 3 0,1 0-744,-17-2 0,3 0 0,-2 0 744,24 3 0,0 0 0,-24 0 0,2 0 0,0 0 0,26 4 0,1 1 0,-1-4 0,1 0 0,-1 3 0,1 0 0,-28-3 0,1-1 0,-2-1 0,25 1 0,-2 0 0,5 0 0,-1 0-723,-12 1 0,-2-2 723,-5-2 0,0-1 0,-1-1 0,-1 0 116,-10 1 0,-2-1-116,-9 1 0,-2 0 1422,29-1-1422,-22-2 2263,-14-5-2263,5 5 1850,3-4-1850,8 3 716,1-5-716,-2 6 0,-8-5 0,7 11 0,3-5 0,8 0 0,8-2 0,-14 1 0,-2 0 0,-25 2 0,-14 4 0,-2-3 0,-3 4 0,10 0 0,9 0 0,1 0 0,12 5 0,-13-3 0,0 3 0,-8-5 0,-12 0 0,-1 0 0,-5 0 0,-4-30 0,-1-17 0,-11-42 0,3 40 0,0-2-416,-4-4 0,0-1 416,-1-4 0,1-1 0,0-1 0,0 0 0,3 0 0,0-1 0,1 2 0,1 1 0,2 4 0,2 2 0,-1 3 0,0 1 0,0-48 0,0 0 0,0 48 0,0-1 0,0 1 0,0 0-267,0-48 267,0 10 0,0 9 0,0 2 0,0 0 0,0 15 0,0-5 0,0 24 0,0 8 821,0 14-821,0 6 278,0 6-278,0 0 0,-9 4 0,-3 1 0,-8 8 0,-7-3 0,5 9 0,-4-5 0,-1 1 0,-1 3 0,-6-7 0,-15 3 0,4-5 0,-21 0 0,-2 0 0,-11 0-714,-19 0 714,48 0 0,-1 0-600,-9 0 0,-1 0 600,-7-1 0,-1 2 0,0 2 0,0 1 0,1-3 0,0 0 0,6 6 0,3 0-286,8-5 1,1-2 285,-4 4 0,0-1 0,4-2 0,0-2 0,-11 1 0,0 0 0,5 4 0,-1-1 0,-4-2 0,1 0 0,9 3 0,1-1 0,-48-3 0,19 0 0,-7 0-12,16 0 12,1 0 650,19 0-650,1 0 1204,7 0-1204,-1 0 630,-5 0-630,5 0 13,-7 0-13,0 5 0,-8 3 0,-11-1 0,-10-1 0,0 0 0,2-5 0,10 5 0,7-6 0,2 0 0,8 0 0,-8 0 0,13 0 0,-4 0 0,15 0 0,6 0 0,-4 0 0,4 0 0,-6-5 0,-7 4 0,-2-4 0,-7 5 0,7-5 0,-5 4 0,12-10 0,1 10 0,2-4 0,5 5 0,-13 0 0,-2 0 0,-6 0 0,-1 0 0,7 0 0,2 0 0,18 0 0,2 0 0,1 0 0,-10 0 0,-13 6 0,-7-5 0,14 9 0,2-9 0,19 4 0,0-5 0,6 0 0,0 4 0,-5-3 0,3 3 0,-3 0 0,5-3 0,-1 3 0,1-4 0,0 0 0,0 0 0,-1 4 0,5-3 0,1 3 0</inkml:trace>
  <inkml:trace contextRef="#ctx0" brushRef="#br0" timeOffset="14224">9275 3653 24575,'-10'-5'0,"1"1"0,0 4 0,0-5 0,0 4 0,-1-3 0,-4 0 0,4 3 0,-16-4 0,9 5 0,-15 0 0,-3-6 0,-8 5 0,-7-10 0,0 9 0,-8-9 0,-2 3 0,-7-5 0,7 5 0,2-4 0,8 11 0,-8-11 0,-2 11 0,-7-11 0,-10 10 0,-2-10 0,-9 3-514,0-5 514,-1-1 0,1 0 0,-10 7 0,49 2 0,-2-2-800,-14 0 0,-4-1 800,-5-5 0,-4-1-1097,-9-3 1,-4-1 1096,-3 0 0,-3 0-954,25 2 0,-2 0 0,0 1 954,-1 4 0,0 2 0,-2-2 0,-12-4 0,-1-1 0,-3 0 0,16 5 0,0 0 0,-2 1 0,1-2 0,-1-1 0,0-1 0,-1 0 0,0-1 0,-6 1 0,-2 0 0,0 0 0,2-1 0,2-1 0,2 0 0,-1-1 0,2 1 0,1 3 0,2 0 0,0 0 0,0-2 0,4-2 0,0-2 0,1 0 0,1 1 0,-15-3 0,2 0 0,0-1 0,0-3 0,0-2 0,3 0 0,8 1 0,2-1 0,0 1 0,2 1 0,-1-1 0,4-1 0,-21-18 0,4-1-449,12 7 1,4 0 448,2-3 0,2-1 0,-1 1 0,0-1 0,5 2 0,-1-1 0,-10-2 0,1 1 0,14 5 0,1 2 0,-2 4 0,1 0 238,8 1 0,2 3-238,-4 5 0,1 0 0,2-2 0,0-1 0,-2 4 0,0 1 1648,-30-21-1648,9 1 0,9 1 3124,16 8-3124,13 3 1765,6 9-1765,10 5 912,1 2-912,0-1 141,5 4-141,0-8 0,1 9 0,-1-10 0,0 5 0,-5-6 0,3-5 0,-8-2 0,-5-8 0,1 2 0,-13-11 0,11 2 0,-13-17 0,11 0 0,-4 0 0,5-6 0,8 22 0,0-5 0,8 15 0,0-1 0,-7-6 0,6 12 0,-6-11 0,2 12 0,4-6 0,-4 6 0,9 1 0,-1 12 0,7 1 0,-3 4 0,0 1 0,3 0 0,-4 0 0,1 4 0,3-4 0,-7 8 0,7 1 0,-3 5 0,4 4 0,0 1 0,9-5 0,2-11 0,16-6 0,-5-9 0,10 4 0,-4-4 0,15-4 0,0-1 0,2-5 0,3 6 0,-13 2 0,6-1 0,-7 7 0,0 0 0,-6 2 0,-2 3 0,-10-3 0,3 5 0,-4 0 0,1 1 0,3-2 0,-4 2 0,-4-1 0,3 4 0,-23 2 0,7 4 0,-23 0 0,8 0 0,-10 0 0,7 0 0,4 0 0,-3 4 0,3-2 0,1 2 0,-4-4 0,-3 0 0,0 0 0,-17 6 0,9-5 0,-26 5 0,3-6 0,-15 6 0,-9-5 0,-2 5 0,-9 1 0,9-6 0,2 6 0,25-7 0,-5 0 0,28 0 0,-5 0 0,14 0 0,-1 0 0,0 0 0,1 0 0,4 0 0,-3 0 0,4 0 0,-12 0 0,-1 0 0,-13 0 0,7 0 0,4 0 0,12 0 0,9 0 0,-5 4 0,-3 12 0,-4 2 0,-1 14 0,0-4 0,-6 1 0,-4 13 0,3-11 0,-2 12 0,13-9 0,2-7 0,10 6 0,-4-5 0,4 6 0,0-6 0,0-2 0,2-6 0,3-4 0,-4 3 0,5-9 0,0 4 0,0 0 0,0-3 0,0 8 0,0-4 0,0 1 0,0 3 0,0-4 0,-5 6 0,0-1 0,-6 6 0,0 2 0,5 6 0,-4-6 0,4-2 0,-9-5 0,8-6 0,-2-1 0,5-5 0,3 1 0,-3-1 0,0 0 0,-1 0 0,0 0 0,10-4 0,1-1 0,13-4 0,-3-5 0,4 4 0,0-8 0,7 3 0,-5-5 0,10 0 0,-4 5 0,6-9 0,0 12 0,0-12 0,-6 9 0,-2-4 0,-11 4 0,4-3 0,-8 3 0,3 1 0,0-4 0,-4 4 0,15-6 0,-8 1 0,16-1 0,2-1 0,0 1 0,21-2 0,-11-5 0,21 3 0,-28 3 0,-1 6 0,-23 6 0,-5 9 0,1-3 0,0 13 0,-1-8 0,6 8 0,0-4 0,1 5 0,3 1 0,-3-1 0,4 1 0,-4-6 0,10 12 0,-7-4 0,9 6 0,-6 4 0,0-5 0,0 6 0,8 1 0,-7-7 0,12 8 0,-12-8 0,6 1 0,-12-2 0,2-7 0,-8 1 0,3-6 0,1 4 0,-4-3 0,3-1 0,-4 4 0,-1-9 0,1 10 0,0-5 0,5 5 0,-3 7 0,2-5 0,3 10 0,0-4 0,0 6 0,4-6 0,-5-2 0,0-6 0,-1 1 0,0 5 0,-3-4 0,4 5 0,-2-7 0,2 0 0,6 7 0,-6-5 0,10 5 0,-13-6 0,12 0 0,-9-1 0,4 1 0,1-1 0,-1 1 0,1-1 0,-1-4 0,6 4 0,-4-8 0,5 8 0,-1-3 0,2 4 0,13 3 0,-5-1 0,6 7 0,-8-6 0,9 6 0,1 1 0,7-4 0,0 5 0,7-7 0,-6-5 0,6 4 0,-16-5 0,6 0 0,-18-3 0,9-5 0,-11 5 0,13-3 0,-5 9 0,12-3 0,2 12 0,2-5 0,14 13 0,-6-5 0,7 0 0,-5 5 0,4-10 0,-4 4 0,5-6 0,1 0 0,0 0 0,-9-6 0,-8-3 0,-10-1 0,-13-5 0,-2-1 0,-5-2 0,-1-3 0,0 4 0,1 5 0,5-4 0,2 5 0,6 0 0,-6-4 0,-2 4 0,1-5 0,-5-1 0,10 6 0,-4-4 0,0 9 0,11-14 0,6 14 0,15-12 0,7 10 0,1 1 0,0-5 0,-9 4 0,-1-6 0,-15-6 0,-8 3 0,-9-9 0,-6 8 0,1-8 0,-1 8 0,7-8 0,1 9 0,13-3 0,1-1 0,16 12 0,11-15 0,10 22-831,18-15 831,-47 4 0,1 0 0,4-5 0,0 0 0,-4 5 0,-1 1 0,4-3 0,0 0 0,-4 0 0,0-1 0,0 1 0,0-2 0,48 6 0,0-1 0,-7-1 0,6 1 0,-18 6 0,7-5 0,-7-3 0,9 7-129,-9-11 129,-11 11 0,-2-7 0,3 1 0,10 0 0,9 1 0,-9 5 0,6-11 0,-23 9 0,5-11 0,-17 5 0,-8-5 0,-1 3 826,-7-8-826,0 8 134,-6-5-134,4 2 0,-4 2 0,0-8 0,5 9 0,-6-3 0,22 5 0,4 1 0,24 1 0,12 7-382,-40-16 1,2 0 381,0 5 0,-2 1 0,40-4 0,-20 1 0,-11 4 0,-22-11 0,-2 5 0,-14-6 0,-4 4 763,-2-3-763,0 3 0,1-4 0,6 0 0,5 0 0,9 0 0,1 0 0,12 0 0,-13 5 0,13-4 0,-12 4 0,5-5 0,-13 0 0,-7 0 0,-7 0 0,-5 0 0,26 0 0,7 0 0,26 0 0,-1 0 0,1 0 0,-8 0 0,-16 5 0,-15-4 0,-19-12 0,-6-8 0,-4-22 0,0-10 0,0-1 0,0-13 0,-7-4 0,6 14 0,-6-3 0,7 30 0,0 6 0,0 8 0,0 5 0,0 3 0,0 2 0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19-07-19T17:07:24.166"/>
    </inkml:context>
    <inkml:brush xml:id="br0">
      <inkml:brushProperty name="width" value="0.1" units="cm"/>
      <inkml:brushProperty name="height" value="0.1" units="cm"/>
    </inkml:brush>
  </inkml:definitions>
  <inkml:trace contextRef="#ctx0" brushRef="#br0">0 2928 24575,'24'-35'0,"15"-6"0,26-16 0,-25 23 0,2 0-669,1-1 0,-1 0 669,2 0 0,-3 0 0,28-30 436,-17 22-436,-21 8 55,-10 18 0,-11 7 1,-6 6-1</inkml:trace>
  <inkml:trace contextRef="#ctx0" brushRef="#br0" timeOffset="860">1000 1984 24575,'26'-22'0,"3"-6"0,15-4 0,8-8 0,4-1 0,4 1 0,-6-1 0,1 0 0,-3 7 0,7-5 0,-5 6 0,12-2 0,-12 3 0,-2 0 0,-17 12 0,-7-2 0,-12 12 0,9-6 0,-2 0 0,11-7 0,0 0 0,-7 6 0,6 1 0,-11 5 0,-1 1 0,-2 4 0,-12-2 0,2 7 0,-9-3 0</inkml:trace>
  <inkml:trace contextRef="#ctx0" brushRef="#br0" timeOffset="1735">2549 1038 24575,'48'-32'0,"1"2"0,0 5 0,1 0 0,2-7 0,6 4 0,4-11 0,5 4 0,-7 1 0,-9 3 0,-3 7 0,-6 0 0,8-1 0,8-1 0,-4-6 0,12 3 0,-13-3 0,-2 12 0,-10 2 0,-18 8 0,-3 4 0,-11-2 0,0 7 0,0-8 0,0 4 0,1 0 0,-1-3 0,0 7 0,0-7 0,-4 7 0,-1-4 0</inkml:trace>
  <inkml:trace contextRef="#ctx0" brushRef="#br0" timeOffset="4458">3207 1 24575,'20'0'0,"9"5"0,-6-4 0,5 8 0,11 4 0,-9-1 0,18 6 0,-5-12 0,0 5 0,5-10 0,-13 9 0,6-9 0,-7 4 0,0-5 0,0 0 0,-6 5 0,4-4 0,-4 3 0,6-4 0,0 0 0,7 0 0,1 0 0,1 5 0,-2-3 0,-7 3 0,-11-5 0,2 0 0,-10 0 0,1 0 0,3 0 0,-4 0 0,1 0 0,3 0 0,-9 0 0,9 0 0,-3 0 0,4 0 0,0 0 0,7 5 0,-10-4 0,3 4 0,-11-5 0,0 0 0,-4 4 0,3-3 0,-7 7 0,7-7 0,-7 7 0,7-7 0,-7 7 0,3-3 0,-4 4 0,0 1 0,0 4 0,0 1 0,-4 5 0,-2 1 0,-9-1 0,-1 1 0,-5 5 0,4-4 0,-3 0 0,9-3 0,-9-3 0,4 4 0,-4 1 0,4-1 0,-4 0 0,4 1 0,0-1 0,-3 1 0,7-1 0,-2-5 0,-1 5 0,0-5 0,-1 0 0,-3 4 0,8-3 0,-4 4 0,5-4 0,0 3 0,0-4 0,0 5 0,-5 1 0,3 5 0,-3 2 0,4 0 0,-1 4 0,2-10 0,-1 5 0,1-7 0,-1 7 0,1-11 0,4 10 0,-2-16 0,2 4 0,1-5 0,-3 0 0,7-4 0,-3-1 0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19-07-19T16:41:00.984"/>
    </inkml:context>
    <inkml:brush xml:id="br0">
      <inkml:brushProperty name="width" value="0.1" units="cm"/>
      <inkml:brushProperty name="height" value="0.1" units="cm"/>
    </inkml:brush>
  </inkml:definitions>
  <inkml:trace contextRef="#ctx0" brushRef="#br0">1 200 24575,'50'-11'0,"26"1"0,8-17-1318,-25 18 1,3 0 1317,-1-2 0,2-1 0,10-2 0,1 2 0,-6 6 0,2 1 0,10-8 0,-1 2 0,-15 9 0,-1 2 0,4-8 0,-1 1 93,-15 6 1,-2 0-94,49-6 0,-19 7 0,-10 0 583,-11 11-583,-1 4 0,-5 10 0,14 8 1327,-7-6-1327,1 5 538,6 1-538,-13 1 0,6-1 0,-13 5 0,-5-13 0,-5-1 0,-8-4 0,-2-3 0,-11-2 0,4 4 0,-3-8 0,0 8 0,-6-8 0,-1 8 0,-4-8 0,5 8 0,0-4 0,0 6 0,0-1 0,-4 0 0,-2 1 0,-4-1 0,0 1 0,0-1 0,0 0 0,0 1 0,-4-6 0,3-1 0,-7-5 0,3 0 0,0 1 0,-3-1 0,3 0 0,-5 0 0,-4 0 0,4 1 0,-10 4 0,5 2 0,-6-1 0,1 0 0,4-5 0,2-1 0,5 1 0,-6-1 0,5-4 0,-9 4 0,3-3 0,-4 4 0,-1 0 0,1 5 0,4-8 0,2 2 0,5-5 0,-1-3 0,1 7 0,-5-2 0,3-1 0,-3 3 0,5-6 0,0 2 0,-1-4 0,-4 0 0,4 0 0,-5 0 0,6 0 0,0 0 0,0 0 0,0 0 0,-1 0 0,-4-5 0,4 0 0,-5-5 0,6 1 0,0 0 0,4-1 0,-9 1 0,12-6 0,-16 4 0,11-9 0,-8 4 0,5-4 0,-5-1 0,4 1 0,0-1 0,2-5 0,2-2 0,1-6 0,1 0 0,5-1 0,0 1 0,0 6 0,0 2 0,10-1 0,9-2 0,12-7 0,14-9 0,7 4 0,12-14-752,17 3 752,1-1 0,-40 23 0,0 1 0,44-17 0,-4 2 0,-3 9 0,-3 13 0,-8 2 0,-8 13 0,-3 1 0,-14 6 0,-2 0 0,-13 0 752,4 5-752,-4 6 0,21 15 0,-4-6 0,20 17 0,-5-15 0,0 10 0,5 1 0,-11 1 0,6 6 0,-8-6 0,-5 4 0,-12-14 0,-7 4 0,-8-8 0,2 6 0,-2-4 0,-3 5 0,3-1 0,-3-4 0,-1 4 0,5 1 0,-4 1 0,4 0 0,-4-7 0,-7-2 0,-2-3 0,-2-1 0,-1 10 0,4-8 0,-8 9 0,3-10 0,-4-2 0,0-5 0,0 5 0,0 1 0,0 6 0,-4-1 0,-2-4 0,-8 3 0,-2-4 0,-4 1 0,4 3 0,-4-7 0,4 7 0,-10-7 0,4 7 0,-11-2 0,11-1 0,-4 0 0,5-10 0,6-2 0,0 0 0,1-3 0,4 3 0,-5-4 0,6 0 0,0 0 0,0 0 0,-1 0 0,-4 0 0,4 0 0,-5 0 0,1 0 0,4 0 0,-10 0 0,10 0 0,-4 0 0,4 0 0,1 0 0,0 0 0,0 0 0,-1-4 0,1 3 0,0-7 0,0 3 0,-6-9 0,5 3 0,-5-8 0,5 3 0,1 1 0,-1 1 0,5-1 0,-4 5 0,8-9 0,-7 3 0,7-4 0,-4-1 0,5 1 0,0-1 0,0 0 0,0 1 0,0 4 0,0-3 0,5 4 0,0-1 0,5-3 0,-1 8 0,6-3 0,-5-1 0,16-2 0,-9 1 0,15-5 0,-10 4 0,18-6 0,-17 6 0,17 0 0,-18 7 0,10-2 0,-4 1 0,13-1 0,-5 1 0,20-2 0,-12 1 0,22 4 0,-14 3 0,5 5 0,-7-6 0,0 5 0,0-5 0,-1 6 0,9 6 0,-6-4 0,23 10 0,-13 2 0,23 8 0,-6 7-634,-25-7 1,1 2 633,-2 1 0,0 0 0,13 4 0,2 2 0,-3 6 0,1 2-1257,9 1 0,2 3 1257,-20-9 0,1 2 0,0 1-846,4 1 1,2 2-1,-1 0 846,0-1 0,-1 1 0,2-1 0,2 2 0,1-1 0,-2 0 0,18 12 0,-3 0-774,2 4 1,-2 0 773,-13-11 0,-4-1 72,-6-1 0,-3-1-72,-8-2 0,-3-3 1921,30 18-1921,-32-9 2629,2-9-2629,-21-15 2124,1 1-2124,-13-9 261,-2-9 1,-7-1 0,3-4 0</inkml:trace>
  <inkml:trace contextRef="#ctx0" brushRef="#br0" timeOffset="1075">6352 1372 24575,'15'20'0,"1"-3"0,6 16 0,0-6 0,1 14 0,0-5 0,-4 12 0,4-5 0,-9 7 0,9-1 0,-15-6 0,14 5 0,-14-12 0,4 5 0,-3-19 0,-8 4 0,8-5 0,-3 1 0,5 4 0,-5 1 0,7-10 0,-11 3 0,8-10 0,-26-5 0,-17-1 0,-20 2 0,-24-5 0,-12 12-466,39-12 1,-1 0 465,-4 6 0,0 0 0,-1-6 0,1 0-265,-36 12 265,-5-12 0,41 10 0,-3-4 0,30-1 0,6-1 0,8-5 918,5 0-918,0 0 0,3 0 0,2 0 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23/07/2019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What is wrong with this picture?</a:t>
            </a:r>
          </a:p>
          <a:p>
            <a:r>
              <a:rPr lang="en-GB" dirty="0"/>
              <a:t>KITT (aka Knight Industries Two Thousand) was the first Level 4 Autonomous Vehicle, fully connected, driven by AI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0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9551807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2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35"/>
            </p:custDataLst>
          </p:nvPr>
        </p:nvSpPr>
        <p:spPr>
          <a:xfrm>
            <a:off x="11136560" y="6577488"/>
            <a:ext cx="649042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300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 Zühlke 2019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36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37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39e6d766-ea3c-4af8-978d-4d9044eed34a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asper Lans</a:t>
            </a:r>
          </a:p>
        </p:txBody>
      </p:sp>
      <p:sp>
        <p:nvSpPr>
          <p:cNvPr id="5" name="text" descr="{&quot;templafy&quot;:{&quot;id&quot;:&quot;5cd7408a-27ac-44ae-84f5-2be5382b8e50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Node-RED: How to build an IoT-connector in 10 minutes</a:t>
            </a:r>
          </a:p>
        </p:txBody>
      </p:sp>
      <p:sp>
        <p:nvSpPr>
          <p:cNvPr id="6" name="date" descr="{&quot;templafy&quot;:{&quot;id&quot;:&quot;4600c544-3cc8-4c5b-8b23-d84fc70ff5c8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19/07/2019</a:t>
            </a:r>
          </a:p>
        </p:txBody>
      </p:sp>
      <p:sp>
        <p:nvSpPr>
          <p:cNvPr id="7" name="text" descr="{&quot;templafy&quot;:{&quot;id&quot;:&quot;6480b03c-6acc-484c-b0c9-704a219e749d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Publi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5" Type="http://schemas.openxmlformats.org/officeDocument/2006/relationships/image" Target="../media/image2.tiff"/><Relationship Id="rId4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emf"/><Relationship Id="rId13" Type="http://schemas.openxmlformats.org/officeDocument/2006/relationships/image" Target="../media/image12.png"/><Relationship Id="rId18" Type="http://schemas.openxmlformats.org/officeDocument/2006/relationships/image" Target="../media/image15.pn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9.tiff"/><Relationship Id="rId12" Type="http://schemas.openxmlformats.org/officeDocument/2006/relationships/customXml" Target="../ink/ink2.xml"/><Relationship Id="rId17" Type="http://schemas.openxmlformats.org/officeDocument/2006/relationships/customXml" Target="../ink/ink4.xml"/><Relationship Id="rId2" Type="http://schemas.openxmlformats.org/officeDocument/2006/relationships/slideLayout" Target="../slideLayouts/slideLayout1.xml"/><Relationship Id="rId16" Type="http://schemas.openxmlformats.org/officeDocument/2006/relationships/image" Target="../media/image14.png"/><Relationship Id="rId1" Type="http://schemas.openxmlformats.org/officeDocument/2006/relationships/tags" Target="../tags/tag21.xml"/><Relationship Id="rId6" Type="http://schemas.openxmlformats.org/officeDocument/2006/relationships/image" Target="../media/image8.tiff"/><Relationship Id="rId11" Type="http://schemas.openxmlformats.org/officeDocument/2006/relationships/image" Target="../media/image11.png"/><Relationship Id="rId5" Type="http://schemas.openxmlformats.org/officeDocument/2006/relationships/image" Target="../media/image7.jpg"/><Relationship Id="rId15" Type="http://schemas.openxmlformats.org/officeDocument/2006/relationships/customXml" Target="../ink/ink3.xml"/><Relationship Id="rId10" Type="http://schemas.openxmlformats.org/officeDocument/2006/relationships/customXml" Target="../ink/ink1.xml"/><Relationship Id="rId4" Type="http://schemas.openxmlformats.org/officeDocument/2006/relationships/image" Target="../media/image6.png"/><Relationship Id="rId9" Type="http://schemas.openxmlformats.org/officeDocument/2006/relationships/image" Target="../media/image11.tiff"/><Relationship Id="rId14" Type="http://schemas.openxmlformats.org/officeDocument/2006/relationships/image" Target="../media/image12.tiff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17.xml"/><Relationship Id="rId4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3.xml"/><Relationship Id="rId4" Type="http://schemas.microsoft.com/office/2007/relationships/hdphoto" Target="../media/hdphoto1.wdp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2" Type="http://schemas.openxmlformats.org/officeDocument/2006/relationships/customXml" Target="../../customXml/item20.xml"/><Relationship Id="rId1" Type="http://schemas.openxmlformats.org/officeDocument/2006/relationships/customXml" Target="../../customXml/item19.xml"/><Relationship Id="rId4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25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1.xml"/><Relationship Id="rId4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26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23.xml"/><Relationship Id="rId4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25.xml"/><Relationship Id="rId6" Type="http://schemas.openxmlformats.org/officeDocument/2006/relationships/image" Target="../media/image17.tiff"/><Relationship Id="rId5" Type="http://schemas.openxmlformats.org/officeDocument/2006/relationships/image" Target="../media/image16.png"/><Relationship Id="rId4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2" Type="http://schemas.openxmlformats.org/officeDocument/2006/relationships/customXml" Target="../../customXml/item28.xml"/><Relationship Id="rId1" Type="http://schemas.openxmlformats.org/officeDocument/2006/relationships/customXml" Target="../../customXml/item27.xml"/><Relationship Id="rId4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tags" Target="../tags/tag29.xml"/><Relationship Id="rId2" Type="http://schemas.openxmlformats.org/officeDocument/2006/relationships/customXml" Target="../../customXml/item30.xml"/><Relationship Id="rId1" Type="http://schemas.openxmlformats.org/officeDocument/2006/relationships/customXml" Target="../../customXml/item29.xml"/><Relationship Id="rId4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3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5" Type="http://schemas.openxmlformats.org/officeDocument/2006/relationships/image" Target="../media/image3.jpg"/><Relationship Id="rId4" Type="http://schemas.openxmlformats.org/officeDocument/2006/relationships/slideLayout" Target="../slideLayouts/slideLayout2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tags" Target="../tags/tag30.xml"/><Relationship Id="rId2" Type="http://schemas.openxmlformats.org/officeDocument/2006/relationships/customXml" Target="../../customXml/item32.xml"/><Relationship Id="rId1" Type="http://schemas.openxmlformats.org/officeDocument/2006/relationships/customXml" Target="../../customXml/item31.xml"/><Relationship Id="rId4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tags" Target="../tags/tag31.xml"/><Relationship Id="rId2" Type="http://schemas.openxmlformats.org/officeDocument/2006/relationships/customXml" Target="../../customXml/item34.xml"/><Relationship Id="rId1" Type="http://schemas.openxmlformats.org/officeDocument/2006/relationships/customXml" Target="../../customXml/item33.xml"/><Relationship Id="rId4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tags" Target="../tags/tag32.xml"/><Relationship Id="rId2" Type="http://schemas.openxmlformats.org/officeDocument/2006/relationships/customXml" Target="../../customXml/item36.xml"/><Relationship Id="rId1" Type="http://schemas.openxmlformats.org/officeDocument/2006/relationships/customXml" Target="../../customXml/item35.xml"/><Relationship Id="rId4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4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Relationship Id="rId5" Type="http://schemas.openxmlformats.org/officeDocument/2006/relationships/image" Target="../media/image4.tiff"/><Relationship Id="rId4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9.xml"/><Relationship Id="rId4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4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4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4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Node-RED: How to Build an IoT-connector in 10 Minutes</a:t>
            </a:r>
          </a:p>
        </p:txBody>
      </p:sp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38BA3ED6-AEF1-6848-8F24-40A0AE51FF6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5"/>
          <a:srcRect t="16468" b="16468"/>
          <a:stretch>
            <a:fillRect/>
          </a:stretch>
        </p:blipFill>
        <p:spPr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70253419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ctr"/>
            <a:br>
              <a:rPr lang="en-GB" noProof="0" dirty="0"/>
            </a:br>
            <a:r>
              <a:rPr lang="en-GB" noProof="0" dirty="0"/>
              <a:t>Internet of Things</a:t>
            </a:r>
          </a:p>
        </p:txBody>
      </p:sp>
      <p:grpSp>
        <p:nvGrpSpPr>
          <p:cNvPr id="57" name="Azure">
            <a:extLst>
              <a:ext uri="{FF2B5EF4-FFF2-40B4-BE49-F238E27FC236}">
                <a16:creationId xmlns:a16="http://schemas.microsoft.com/office/drawing/2014/main" id="{6F97A4CE-BB6E-644D-8EAC-B2C91FC86331}"/>
              </a:ext>
            </a:extLst>
          </p:cNvPr>
          <p:cNvGrpSpPr/>
          <p:nvPr/>
        </p:nvGrpSpPr>
        <p:grpSpPr>
          <a:xfrm>
            <a:off x="8344237" y="2400300"/>
            <a:ext cx="2313454" cy="2551890"/>
            <a:chOff x="8344237" y="2400300"/>
            <a:chExt cx="2313454" cy="2551890"/>
          </a:xfrm>
        </p:grpSpPr>
        <p:pic>
          <p:nvPicPr>
            <p:cNvPr id="4" name="Azure">
              <a:extLst>
                <a:ext uri="{FF2B5EF4-FFF2-40B4-BE49-F238E27FC236}">
                  <a16:creationId xmlns:a16="http://schemas.microsoft.com/office/drawing/2014/main" id="{F810D9C9-148D-6A49-823B-64AAD3F32E7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472264" y="2400300"/>
              <a:ext cx="2057400" cy="2057400"/>
            </a:xfrm>
            <a:prstGeom prst="rect">
              <a:avLst/>
            </a:prstGeom>
          </p:spPr>
        </p:pic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3F8BEDDA-9443-1E43-9852-40DA907EFD39}"/>
                </a:ext>
              </a:extLst>
            </p:cNvPr>
            <p:cNvSpPr/>
            <p:nvPr/>
          </p:nvSpPr>
          <p:spPr>
            <a:xfrm>
              <a:off x="8344237" y="4490525"/>
              <a:ext cx="2313454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de-DE" sz="2400" b="1" dirty="0" err="1">
                  <a:latin typeface="AA Zuehlke" pitchFamily="2" charset="0"/>
                </a:rPr>
                <a:t>Azure</a:t>
              </a:r>
              <a:r>
                <a:rPr lang="de-DE" sz="2400" b="1" dirty="0">
                  <a:latin typeface="AA Zuehlke" pitchFamily="2" charset="0"/>
                </a:rPr>
                <a:t> </a:t>
              </a:r>
              <a:r>
                <a:rPr lang="de-DE" sz="2400" b="1" dirty="0" err="1">
                  <a:latin typeface="AA Zuehlke" pitchFamily="2" charset="0"/>
                </a:rPr>
                <a:t>IoT</a:t>
              </a:r>
              <a:r>
                <a:rPr lang="de-DE" sz="2400" b="1" dirty="0">
                  <a:latin typeface="AA Zuehlke" pitchFamily="2" charset="0"/>
                </a:rPr>
                <a:t> Central</a:t>
              </a:r>
            </a:p>
          </p:txBody>
        </p:sp>
      </p:grpSp>
      <p:pic>
        <p:nvPicPr>
          <p:cNvPr id="8" name="KITT">
            <a:extLst>
              <a:ext uri="{FF2B5EF4-FFF2-40B4-BE49-F238E27FC236}">
                <a16:creationId xmlns:a16="http://schemas.microsoft.com/office/drawing/2014/main" id="{E0246D29-46FF-AE4C-B86C-6A676D93C81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2658" y="2401955"/>
            <a:ext cx="3026214" cy="2286472"/>
          </a:xfrm>
          <a:prstGeom prst="rect">
            <a:avLst/>
          </a:prstGeom>
        </p:spPr>
      </p:pic>
      <p:pic>
        <p:nvPicPr>
          <p:cNvPr id="10" name="Pi">
            <a:extLst>
              <a:ext uri="{FF2B5EF4-FFF2-40B4-BE49-F238E27FC236}">
                <a16:creationId xmlns:a16="http://schemas.microsoft.com/office/drawing/2014/main" id="{F532B1DE-5C5C-2F42-819E-28F4825ED70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07768" y="3429000"/>
            <a:ext cx="3686689" cy="2169573"/>
          </a:xfrm>
          <a:prstGeom prst="rect">
            <a:avLst/>
          </a:prstGeom>
        </p:spPr>
      </p:pic>
      <p:pic>
        <p:nvPicPr>
          <p:cNvPr id="11" name="Node-RED">
            <a:extLst>
              <a:ext uri="{FF2B5EF4-FFF2-40B4-BE49-F238E27FC236}">
                <a16:creationId xmlns:a16="http://schemas.microsoft.com/office/drawing/2014/main" id="{F1DE94B7-A102-BA41-BB08-9EFC5686FD5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439816" y="860680"/>
            <a:ext cx="1872208" cy="1872208"/>
          </a:xfrm>
          <a:prstGeom prst="rect">
            <a:avLst/>
          </a:prstGeom>
        </p:spPr>
      </p:pic>
      <p:pic>
        <p:nvPicPr>
          <p:cNvPr id="14" name="Node.js">
            <a:extLst>
              <a:ext uri="{FF2B5EF4-FFF2-40B4-BE49-F238E27FC236}">
                <a16:creationId xmlns:a16="http://schemas.microsoft.com/office/drawing/2014/main" id="{CF5B51A3-D269-C742-826C-C7FBED5DD23F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9896" y="2172944"/>
            <a:ext cx="1872208" cy="1872208"/>
          </a:xfrm>
          <a:prstGeom prst="rect">
            <a:avLst/>
          </a:prstGeom>
        </p:spPr>
      </p:pic>
      <p:grpSp>
        <p:nvGrpSpPr>
          <p:cNvPr id="58" name="Post-it">
            <a:extLst>
              <a:ext uri="{FF2B5EF4-FFF2-40B4-BE49-F238E27FC236}">
                <a16:creationId xmlns:a16="http://schemas.microsoft.com/office/drawing/2014/main" id="{34DA03C4-8084-E543-95F7-F2095DD047FB}"/>
              </a:ext>
            </a:extLst>
          </p:cNvPr>
          <p:cNvGrpSpPr/>
          <p:nvPr/>
        </p:nvGrpSpPr>
        <p:grpSpPr>
          <a:xfrm>
            <a:off x="30176" y="-10120"/>
            <a:ext cx="2679416" cy="2439180"/>
            <a:chOff x="534739" y="254000"/>
            <a:chExt cx="2679416" cy="2439180"/>
          </a:xfrm>
        </p:grpSpPr>
        <p:pic>
          <p:nvPicPr>
            <p:cNvPr id="55" name="Post-it">
              <a:extLst>
                <a:ext uri="{FF2B5EF4-FFF2-40B4-BE49-F238E27FC236}">
                  <a16:creationId xmlns:a16="http://schemas.microsoft.com/office/drawing/2014/main" id="{FADA5C14-A7E4-3A47-86C0-54A53EBF2075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654858" y="254000"/>
              <a:ext cx="2439180" cy="2439180"/>
            </a:xfrm>
            <a:prstGeom prst="rect">
              <a:avLst/>
            </a:prstGeom>
          </p:spPr>
        </p:pic>
        <p:sp>
          <p:nvSpPr>
            <p:cNvPr id="56" name="Post-it Text">
              <a:extLst>
                <a:ext uri="{FF2B5EF4-FFF2-40B4-BE49-F238E27FC236}">
                  <a16:creationId xmlns:a16="http://schemas.microsoft.com/office/drawing/2014/main" id="{9C0D0853-6CEC-0F48-8CF2-2F040F675416}"/>
                </a:ext>
              </a:extLst>
            </p:cNvPr>
            <p:cNvSpPr txBox="1"/>
            <p:nvPr/>
          </p:nvSpPr>
          <p:spPr>
            <a:xfrm rot="21039138">
              <a:off x="534739" y="1007080"/>
              <a:ext cx="2679416" cy="893796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ctr"/>
              <a:r>
                <a:rPr lang="de-DE" sz="2200" dirty="0" err="1">
                  <a:latin typeface="Comic Sans MS" panose="030F0902030302020204" pitchFamily="66" charset="0"/>
                </a:rPr>
                <a:t>Architectural</a:t>
              </a:r>
              <a:endParaRPr lang="de-DE" sz="2200" dirty="0">
                <a:latin typeface="Comic Sans MS" panose="030F0902030302020204" pitchFamily="66" charset="0"/>
              </a:endParaRPr>
            </a:p>
            <a:p>
              <a:pPr algn="ctr"/>
              <a:r>
                <a:rPr lang="de-DE" sz="2200" dirty="0" err="1">
                  <a:latin typeface="Comic Sans MS" panose="030F0902030302020204" pitchFamily="66" charset="0"/>
                </a:rPr>
                <a:t>Diagram</a:t>
              </a:r>
              <a:endParaRPr lang="de-DE" sz="2200" dirty="0">
                <a:latin typeface="Comic Sans MS" panose="030F0902030302020204" pitchFamily="66" charset="0"/>
              </a:endParaRPr>
            </a:p>
          </p:txBody>
        </p:sp>
      </p:grpSp>
      <mc:AlternateContent xmlns:mc="http://schemas.openxmlformats.org/markup-compatibility/2006" xmlns:p14="http://schemas.microsoft.com/office/powerpoint/2010/main">
        <mc:Choice Requires="p14">
          <p:contentPart p14:bwMode="auto" r:id="rId10">
            <p14:nvContentPartPr>
              <p14:cNvPr id="65" name="Internet arrow">
                <a:extLst>
                  <a:ext uri="{FF2B5EF4-FFF2-40B4-BE49-F238E27FC236}">
                    <a16:creationId xmlns:a16="http://schemas.microsoft.com/office/drawing/2014/main" id="{FE1F6CC4-613D-A54E-B332-A736356E30F4}"/>
                  </a:ext>
                </a:extLst>
              </p14:cNvPr>
              <p14:cNvContentPartPr/>
              <p14:nvPr/>
            </p14:nvContentPartPr>
            <p14:xfrm>
              <a:off x="3643840" y="4966940"/>
              <a:ext cx="5084640" cy="1643400"/>
            </p14:xfrm>
          </p:contentPart>
        </mc:Choice>
        <mc:Fallback xmlns="">
          <p:pic>
            <p:nvPicPr>
              <p:cNvPr id="65" name="Internet arrow">
                <a:extLst>
                  <a:ext uri="{FF2B5EF4-FFF2-40B4-BE49-F238E27FC236}">
                    <a16:creationId xmlns:a16="http://schemas.microsoft.com/office/drawing/2014/main" id="{FE1F6CC4-613D-A54E-B332-A736356E30F4}"/>
                  </a:ext>
                </a:extLst>
              </p:cNvPr>
              <p:cNvPicPr/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3625840" y="4948944"/>
                <a:ext cx="5120280" cy="1679032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2">
            <p14:nvContentPartPr>
              <p14:cNvPr id="75" name="Thing arrow">
                <a:extLst>
                  <a:ext uri="{FF2B5EF4-FFF2-40B4-BE49-F238E27FC236}">
                    <a16:creationId xmlns:a16="http://schemas.microsoft.com/office/drawing/2014/main" id="{6CBD924B-2086-4548-9932-DD9FD235F5F0}"/>
                  </a:ext>
                </a:extLst>
              </p14:cNvPr>
              <p14:cNvContentPartPr/>
              <p14:nvPr/>
            </p14:nvContentPartPr>
            <p14:xfrm>
              <a:off x="3145600" y="4363940"/>
              <a:ext cx="5241240" cy="2163600"/>
            </p14:xfrm>
          </p:contentPart>
        </mc:Choice>
        <mc:Fallback xmlns="">
          <p:pic>
            <p:nvPicPr>
              <p:cNvPr id="75" name="Thing arrow">
                <a:extLst>
                  <a:ext uri="{FF2B5EF4-FFF2-40B4-BE49-F238E27FC236}">
                    <a16:creationId xmlns:a16="http://schemas.microsoft.com/office/drawing/2014/main" id="{6CBD924B-2086-4548-9932-DD9FD235F5F0}"/>
                  </a:ext>
                </a:extLst>
              </p:cNvPr>
              <p:cNvPicPr/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3127960" y="4346300"/>
                <a:ext cx="5276880" cy="2199240"/>
              </a:xfrm>
              <a:prstGeom prst="rect">
                <a:avLst/>
              </a:prstGeom>
            </p:spPr>
          </p:pic>
        </mc:Fallback>
      </mc:AlternateContent>
      <p:pic>
        <p:nvPicPr>
          <p:cNvPr id="83" name="Sensor">
            <a:extLst>
              <a:ext uri="{FF2B5EF4-FFF2-40B4-BE49-F238E27FC236}">
                <a16:creationId xmlns:a16="http://schemas.microsoft.com/office/drawing/2014/main" id="{DFB4AE05-6CF6-BF42-B56A-057AF8202C83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 flipH="1">
            <a:off x="2733784" y="2372801"/>
            <a:ext cx="1307376" cy="784426"/>
          </a:xfrm>
          <a:prstGeom prst="rect">
            <a:avLst/>
          </a:prstGeom>
        </p:spPr>
      </p:pic>
      <p:grpSp>
        <p:nvGrpSpPr>
          <p:cNvPr id="7" name="HTTP arrow">
            <a:extLst>
              <a:ext uri="{FF2B5EF4-FFF2-40B4-BE49-F238E27FC236}">
                <a16:creationId xmlns:a16="http://schemas.microsoft.com/office/drawing/2014/main" id="{D5914F94-35BD-BC4A-A965-F7C825717C89}"/>
              </a:ext>
            </a:extLst>
          </p:cNvPr>
          <p:cNvGrpSpPr/>
          <p:nvPr/>
        </p:nvGrpSpPr>
        <p:grpSpPr>
          <a:xfrm>
            <a:off x="2803240" y="1596980"/>
            <a:ext cx="1600200" cy="1054440"/>
            <a:chOff x="2803240" y="1596980"/>
            <a:chExt cx="1600200" cy="1054440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15">
              <p14:nvContentPartPr>
                <p14:cNvPr id="82" name="Kitt arrow">
                  <a:extLst>
                    <a:ext uri="{FF2B5EF4-FFF2-40B4-BE49-F238E27FC236}">
                      <a16:creationId xmlns:a16="http://schemas.microsoft.com/office/drawing/2014/main" id="{48952485-3490-A544-80E5-A0377619CD67}"/>
                    </a:ext>
                  </a:extLst>
                </p14:cNvPr>
                <p14:cNvContentPartPr/>
                <p14:nvPr/>
              </p14:nvContentPartPr>
              <p14:xfrm>
                <a:off x="2803240" y="1596980"/>
                <a:ext cx="1600200" cy="1054440"/>
              </p14:xfrm>
            </p:contentPart>
          </mc:Choice>
          <mc:Fallback xmlns="">
            <p:pic>
              <p:nvPicPr>
                <p:cNvPr id="82" name="Kitt arrow">
                  <a:extLst>
                    <a:ext uri="{FF2B5EF4-FFF2-40B4-BE49-F238E27FC236}">
                      <a16:creationId xmlns:a16="http://schemas.microsoft.com/office/drawing/2014/main" id="{48952485-3490-A544-80E5-A0377619CD67}"/>
                    </a:ext>
                  </a:extLst>
                </p:cNvPr>
                <p:cNvPicPr/>
                <p:nvPr/>
              </p:nvPicPr>
              <p:blipFill>
                <a:blip r:embed="rId16"/>
                <a:stretch>
                  <a:fillRect/>
                </a:stretch>
              </p:blipFill>
              <p:spPr>
                <a:xfrm>
                  <a:off x="2785240" y="1579340"/>
                  <a:ext cx="1635840" cy="1090080"/>
                </a:xfrm>
                <a:prstGeom prst="rect">
                  <a:avLst/>
                </a:prstGeom>
              </p:spPr>
            </p:pic>
          </mc:Fallback>
        </mc:AlternateContent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BEC00D2E-E083-B64E-8799-580BEA22A7B6}"/>
                </a:ext>
              </a:extLst>
            </p:cNvPr>
            <p:cNvSpPr txBox="1"/>
            <p:nvPr/>
          </p:nvSpPr>
          <p:spPr>
            <a:xfrm rot="19945522" flipH="1">
              <a:off x="2939976" y="1750176"/>
              <a:ext cx="655017" cy="376245"/>
            </a:xfrm>
            <a:prstGeom prst="rect">
              <a:avLst/>
            </a:prstGeom>
            <a:noFill/>
          </p:spPr>
          <p:txBody>
            <a:bodyPr wrap="none" lIns="0" tIns="0" rIns="0" bIns="0" rtlCol="0">
              <a:noAutofit/>
            </a:bodyPr>
            <a:lstStyle/>
            <a:p>
              <a:pPr algn="l"/>
              <a:r>
                <a:rPr lang="en-GB" sz="2200" dirty="0">
                  <a:latin typeface="AA Zuehlke" pitchFamily="2" charset="0"/>
                </a:rPr>
                <a:t>HTTP</a:t>
              </a:r>
            </a:p>
          </p:txBody>
        </p:sp>
      </p:grpSp>
      <p:grpSp>
        <p:nvGrpSpPr>
          <p:cNvPr id="9" name="MQTT arrow">
            <a:extLst>
              <a:ext uri="{FF2B5EF4-FFF2-40B4-BE49-F238E27FC236}">
                <a16:creationId xmlns:a16="http://schemas.microsoft.com/office/drawing/2014/main" id="{E11FBE07-45F1-1D4F-987B-F3CD09CCB9AF}"/>
              </a:ext>
            </a:extLst>
          </p:cNvPr>
          <p:cNvGrpSpPr/>
          <p:nvPr/>
        </p:nvGrpSpPr>
        <p:grpSpPr>
          <a:xfrm>
            <a:off x="6710680" y="989403"/>
            <a:ext cx="2400840" cy="1131377"/>
            <a:chOff x="6710680" y="989403"/>
            <a:chExt cx="2400840" cy="1131377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17">
              <p14:nvContentPartPr>
                <p14:cNvPr id="54" name="Node-RED arrow">
                  <a:extLst>
                    <a:ext uri="{FF2B5EF4-FFF2-40B4-BE49-F238E27FC236}">
                      <a16:creationId xmlns:a16="http://schemas.microsoft.com/office/drawing/2014/main" id="{1BD4D280-7ABC-464C-BC6E-71B3CC749594}"/>
                    </a:ext>
                  </a:extLst>
                </p14:cNvPr>
                <p14:cNvContentPartPr/>
                <p14:nvPr/>
              </p14:nvContentPartPr>
              <p14:xfrm>
                <a:off x="6710680" y="1333820"/>
                <a:ext cx="2400840" cy="786960"/>
              </p14:xfrm>
            </p:contentPart>
          </mc:Choice>
          <mc:Fallback xmlns="">
            <p:pic>
              <p:nvPicPr>
                <p:cNvPr id="54" name="Node-RED arrow">
                  <a:extLst>
                    <a:ext uri="{FF2B5EF4-FFF2-40B4-BE49-F238E27FC236}">
                      <a16:creationId xmlns:a16="http://schemas.microsoft.com/office/drawing/2014/main" id="{1BD4D280-7ABC-464C-BC6E-71B3CC749594}"/>
                    </a:ext>
                  </a:extLst>
                </p:cNvPr>
                <p:cNvPicPr/>
                <p:nvPr/>
              </p:nvPicPr>
              <p:blipFill>
                <a:blip r:embed="rId18"/>
                <a:stretch>
                  <a:fillRect/>
                </a:stretch>
              </p:blipFill>
              <p:spPr>
                <a:xfrm>
                  <a:off x="6693040" y="1316172"/>
                  <a:ext cx="2436480" cy="822616"/>
                </a:xfrm>
                <a:prstGeom prst="rect">
                  <a:avLst/>
                </a:prstGeom>
              </p:spPr>
            </p:pic>
          </mc:Fallback>
        </mc:AlternateContent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CA800819-25A3-904F-8B2E-FD050C835B0B}"/>
                </a:ext>
              </a:extLst>
            </p:cNvPr>
            <p:cNvSpPr txBox="1"/>
            <p:nvPr/>
          </p:nvSpPr>
          <p:spPr>
            <a:xfrm rot="1016762">
              <a:off x="7699809" y="989403"/>
              <a:ext cx="738817" cy="340879"/>
            </a:xfrm>
            <a:prstGeom prst="rect">
              <a:avLst/>
            </a:prstGeom>
            <a:noFill/>
          </p:spPr>
          <p:txBody>
            <a:bodyPr wrap="none" lIns="0" tIns="0" rIns="0" bIns="0" rtlCol="0">
              <a:noAutofit/>
            </a:bodyPr>
            <a:lstStyle/>
            <a:p>
              <a:pPr algn="l"/>
              <a:r>
                <a:rPr lang="en-GB" sz="2200" dirty="0">
                  <a:latin typeface="AA Zuehlke" pitchFamily="2" charset="0"/>
                </a:rPr>
                <a:t>MQTT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4951693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iming>
        <p:tnLst>
          <p:par>
            <p:cTn id="1" dur="indefinite" restart="never" nodeType="tmRoot">
              <p:childTnLst>
                <p:seq concurrent="1" nextAc="seek">
                  <p:cTn id="2" dur="indefinite" nodeType="mainSeq">
                    <p:childTnLst>
                      <p:par>
                        <p:cTn id="3" fill="hold">
                          <p:stCondLst>
                            <p:cond delay="indefinite"/>
                          </p:stCondLst>
                          <p:childTnLst>
                            <p:par>
                              <p:cTn id="4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5" presetID="2" presetClass="entr" presetSubtype="8" fill="hold" nodeType="clickEffect" p14:presetBounceEnd="50000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6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57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 calcmode="lin" valueType="num" p14:bounceEnd="50000">
                                          <p:cBhvr additive="base">
                                            <p:cTn id="7" dur="500" fill="hold"/>
                                            <p:tgtEl>
                                              <p:spTgt spid="57"/>
                                            </p:tgtEl>
                                            <p:attrNameLst>
                                              <p:attrName>ppt_x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strVal val="0-#ppt_w/2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x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 p14:bounceEnd="50000">
                                          <p:cBhvr additive="base">
                                            <p:cTn id="8" dur="500" fill="hold"/>
                                            <p:tgtEl>
                                              <p:spTgt spid="57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strVal val="#ppt_y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y"/>
                                              </p:val>
                                            </p:tav>
                                          </p:tavLst>
                                        </p:anim>
                                      </p:childTnLst>
                                    </p:cTn>
                                  </p:par>
                                  <p:par>
                                    <p:cTn id="9" presetID="1" presetClass="entr" presetSubtype="0" fill="hold" nodeType="withEffect">
                                      <p:stCondLst>
                                        <p:cond delay="500"/>
                                      </p:stCondLst>
                                      <p:childTnLst>
                                        <p:set>
                                          <p:cBhvr>
                                            <p:cTn id="10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65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  <p:par>
                        <p:cTn id="11" fill="hold">
                          <p:stCondLst>
                            <p:cond delay="indefinite"/>
                          </p:stCondLst>
                          <p:childTnLst>
                            <p:par>
                              <p:cTn id="12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13" presetID="2" presetClass="entr" presetSubtype="2" fill="hold" nodeType="clickEffect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14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8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 calcmode="lin" valueType="num">
                                          <p:cBhvr additive="base">
                                            <p:cTn id="15" dur="500" fill="hold"/>
                                            <p:tgtEl>
                                              <p:spTgt spid="8"/>
                                            </p:tgtEl>
                                            <p:attrNameLst>
                                              <p:attrName>ppt_x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strVal val="1+#ppt_w/2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x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 additive="base">
                                            <p:cTn id="16" dur="500" fill="hold"/>
                                            <p:tgtEl>
                                              <p:spTgt spid="8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strVal val="#ppt_y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y"/>
                                              </p:val>
                                            </p:tav>
                                          </p:tavLst>
                                        </p:anim>
                                      </p:childTnLst>
                                    </p:cTn>
                                  </p:par>
                                  <p:par>
                                    <p:cTn id="17" presetID="31" presetClass="entr" presetSubtype="0" fill="hold" nodeType="withEffect">
                                      <p:stCondLst>
                                        <p:cond delay="1000"/>
                                      </p:stCondLst>
                                      <p:childTnLst>
                                        <p:set>
                                          <p:cBhvr>
                                            <p:cTn id="18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83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 calcmode="lin" valueType="num">
                                          <p:cBhvr>
                                            <p:cTn id="19" dur="1000" fill="hold"/>
                                            <p:tgtEl>
                                              <p:spTgt spid="83"/>
                                            </p:tgtEl>
                                            <p:attrNameLst>
                                              <p:attrName>ppt_w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w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20" dur="1000" fill="hold"/>
                                            <p:tgtEl>
                                              <p:spTgt spid="83"/>
                                            </p:tgtEl>
                                            <p:attrNameLst>
                                              <p:attrName>ppt_h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h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21" dur="1000" fill="hold"/>
                                            <p:tgtEl>
                                              <p:spTgt spid="83"/>
                                            </p:tgtEl>
                                            <p:attrNameLst>
                                              <p:attrName>style.rotation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9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0"/>
                                              </p:val>
                                            </p:tav>
                                          </p:tavLst>
                                        </p:anim>
                                        <p:animEffect transition="in" filter="fade">
                                          <p:cBhvr>
                                            <p:cTn id="22" dur="1000"/>
                                            <p:tgtEl>
                                              <p:spTgt spid="83"/>
                                            </p:tgtEl>
                                          </p:cBhvr>
                                        </p:animEffect>
                                      </p:childTnLst>
                                    </p:cTn>
                                  </p:par>
                                  <p:par>
                                    <p:cTn id="23" presetID="1" presetClass="entr" presetSubtype="0" fill="hold" nodeType="withEffect">
                                      <p:stCondLst>
                                        <p:cond delay="500"/>
                                      </p:stCondLst>
                                      <p:childTnLst>
                                        <p:set>
                                          <p:cBhvr>
                                            <p:cTn id="24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75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  <p:par>
                        <p:cTn id="25" fill="hold">
                          <p:stCondLst>
                            <p:cond delay="indefinite"/>
                          </p:stCondLst>
                          <p:childTnLst>
                            <p:par>
                              <p:cTn id="26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27" presetID="26" presetClass="entr" presetSubtype="0" fill="hold" nodeType="clickEffect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28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Effect transition="in" filter="wipe(down)">
                                          <p:cBhvr>
                                            <p:cTn id="29" dur="580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</p:animEffect>
                                        <p:anim calcmode="lin" valueType="num">
                                          <p:cBhvr>
                                            <p:cTn id="30" dur="1822" tmFilter="0,0; 0.14,0.36; 0.43,0.73; 0.71,0.91; 1.0,1.0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ppt_x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strVal val="#ppt_x-0.25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x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31" dur="664" tmFilter="0.0,0.0; 0.25,0.07; 0.50,0.2; 0.75,0.467; 1.0,1.0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 fmla="#ppt_y-sin(pi*$)/3">
                                              <p:val>
                                                <p:fltVal val="0.5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32" dur="664" tmFilter="0, 0; 0.125,0.2665; 0.25,0.4; 0.375,0.465; 0.5,0.5;  0.625,0.535; 0.75,0.6; 0.875,0.7335; 1,1">
                                              <p:stCondLst>
                                                <p:cond delay="664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 fmla="#ppt_y-sin(pi*$)/9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33" dur="332" tmFilter="0, 0; 0.125,0.2665; 0.25,0.4; 0.375,0.465; 0.5,0.5;  0.625,0.535; 0.75,0.6; 0.875,0.7335; 1,1">
                                              <p:stCondLst>
                                                <p:cond delay="1324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 fmla="#ppt_y-sin(pi*$)/27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34" dur="164" tmFilter="0, 0; 0.125,0.2665; 0.25,0.4; 0.375,0.465; 0.5,0.5;  0.625,0.535; 0.75,0.6; 0.875,0.7335; 1,1">
                                              <p:stCondLst>
                                                <p:cond delay="1656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 fmla="#ppt_y-sin(pi*$)/81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  <p:animScale>
                                          <p:cBhvr>
                                            <p:cTn id="35" dur="26">
                                              <p:stCondLst>
                                                <p:cond delay="650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60000"/>
                                        </p:animScale>
                                        <p:animScale>
                                          <p:cBhvr>
                                            <p:cTn id="36" dur="166" decel="50000">
                                              <p:stCondLst>
                                                <p:cond delay="676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100000"/>
                                        </p:animScale>
                                        <p:animScale>
                                          <p:cBhvr>
                                            <p:cTn id="37" dur="26">
                                              <p:stCondLst>
                                                <p:cond delay="1312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80000"/>
                                        </p:animScale>
                                        <p:animScale>
                                          <p:cBhvr>
                                            <p:cTn id="38" dur="166" decel="50000">
                                              <p:stCondLst>
                                                <p:cond delay="1338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100000"/>
                                        </p:animScale>
                                        <p:animScale>
                                          <p:cBhvr>
                                            <p:cTn id="39" dur="26">
                                              <p:stCondLst>
                                                <p:cond delay="1642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90000"/>
                                        </p:animScale>
                                        <p:animScale>
                                          <p:cBhvr>
                                            <p:cTn id="40" dur="166" decel="50000">
                                              <p:stCondLst>
                                                <p:cond delay="1668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100000"/>
                                        </p:animScale>
                                        <p:animScale>
                                          <p:cBhvr>
                                            <p:cTn id="41" dur="26">
                                              <p:stCondLst>
                                                <p:cond delay="1808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95000"/>
                                        </p:animScale>
                                        <p:animScale>
                                          <p:cBhvr>
                                            <p:cTn id="42" dur="166" decel="50000">
                                              <p:stCondLst>
                                                <p:cond delay="1834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100000"/>
                                        </p:animScale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  <p:par>
                        <p:cTn id="43" fill="hold">
                          <p:stCondLst>
                            <p:cond delay="indefinite"/>
                          </p:stCondLst>
                          <p:childTnLst>
                            <p:par>
                              <p:cTn id="44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45" presetID="15" presetClass="entr" presetSubtype="0" fill="hold" nodeType="clickEffect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46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4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 calcmode="lin" valueType="num">
                                          <p:cBhvr>
                                            <p:cTn id="47" dur="1000" fill="hold"/>
                                            <p:tgtEl>
                                              <p:spTgt spid="14"/>
                                            </p:tgtEl>
                                            <p:attrNameLst>
                                              <p:attrName>ppt_w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w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48" dur="1000" fill="hold"/>
                                            <p:tgtEl>
                                              <p:spTgt spid="14"/>
                                            </p:tgtEl>
                                            <p:attrNameLst>
                                              <p:attrName>ppt_h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h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49" dur="1000" fill="hold"/>
                                            <p:tgtEl>
                                              <p:spTgt spid="14"/>
                                            </p:tgtEl>
                                            <p:attrNameLst>
                                              <p:attrName>ppt_x</p:attrName>
                                            </p:attrNameLst>
                                          </p:cBhvr>
                                          <p:tavLst>
                                            <p:tav tm="0" fmla="#ppt_x+(cos(-2*pi*(1-$))*-#ppt_x-sin(-2*pi*(1-$))*(1-#ppt_y))*(1-$)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50" dur="1000" fill="hold"/>
                                            <p:tgtEl>
                                              <p:spTgt spid="14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 fmla="#ppt_y+(sin(-2*pi*(1-$))*-#ppt_x+cos(-2*pi*(1-$))*(1-#ppt_y))*(1-$)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  <p:par>
                        <p:cTn id="51" fill="hold">
                          <p:stCondLst>
                            <p:cond delay="indefinite"/>
                          </p:stCondLst>
                          <p:childTnLst>
                            <p:par>
                              <p:cTn id="52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53" presetID="35" presetClass="entr" presetSubtype="0" fill="hold" nodeType="clickEffect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54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1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Effect transition="in" filter="fade">
                                          <p:cBhvr>
                                            <p:cTn id="55" dur="2000"/>
                                            <p:tgtEl>
                                              <p:spTgt spid="11"/>
                                            </p:tgtEl>
                                          </p:cBhvr>
                                        </p:animEffect>
                                        <p:anim calcmode="lin" valueType="num">
                                          <p:cBhvr>
                                            <p:cTn id="56" dur="2000" fill="hold"/>
                                            <p:tgtEl>
                                              <p:spTgt spid="11"/>
                                            </p:tgtEl>
                                            <p:attrNameLst>
                                              <p:attrName>style.rotation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72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0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57" dur="2000" fill="hold"/>
                                            <p:tgtEl>
                                              <p:spTgt spid="11"/>
                                            </p:tgtEl>
                                            <p:attrNameLst>
                                              <p:attrName>ppt_h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h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58" dur="2000" fill="hold"/>
                                            <p:tgtEl>
                                              <p:spTgt spid="11"/>
                                            </p:tgtEl>
                                            <p:attrNameLst>
                                              <p:attrName>ppt_w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w"/>
                                              </p:val>
                                            </p:tav>
                                          </p:tavLst>
                                        </p:anim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  <p:par>
                              <p:cTn id="59" fill="hold">
                                <p:stCondLst>
                                  <p:cond delay="2000"/>
                                </p:stCondLst>
                                <p:childTnLst>
                                  <p:par>
                                    <p:cTn id="60" presetID="1" presetClass="entr" presetSubtype="0" fill="hold" nodeType="afterEffect">
                                      <p:stCondLst>
                                        <p:cond delay="500"/>
                                      </p:stCondLst>
                                      <p:childTnLst>
                                        <p:set>
                                          <p:cBhvr>
                                            <p:cTn id="61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7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  <p:par>
                              <p:cTn id="62" fill="hold">
                                <p:stCondLst>
                                  <p:cond delay="2500"/>
                                </p:stCondLst>
                                <p:childTnLst>
                                  <p:par>
                                    <p:cTn id="63" presetID="1" presetClass="entr" presetSubtype="0" fill="hold" nodeType="afterEffect">
                                      <p:stCondLst>
                                        <p:cond delay="500"/>
                                      </p:stCondLst>
                                      <p:childTnLst>
                                        <p:set>
                                          <p:cBhvr>
                                            <p:cTn id="64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9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  <p:par>
                        <p:cTn id="65" fill="hold">
                          <p:stCondLst>
                            <p:cond delay="indefinite"/>
                          </p:stCondLst>
                          <p:childTnLst>
                            <p:par>
                              <p:cTn id="66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67" presetID="18" presetClass="entr" presetSubtype="6" fill="hold" nodeType="clickEffect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68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58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Effect transition="in" filter="strips(downRight)">
                                          <p:cBhvr>
                                            <p:cTn id="69" dur="500"/>
                                            <p:tgtEl>
                                              <p:spTgt spid="58"/>
                                            </p:tgtEl>
                                          </p:cBhvr>
                                        </p:animEffect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</p:childTnLst>
                  </p:cTn>
                  <p:prevCondLst>
                    <p:cond evt="onPrev" delay="0">
                      <p:tgtEl>
                        <p:sldTgt/>
                      </p:tgtEl>
                    </p:cond>
                  </p:prevCondLst>
                  <p:nextCondLst>
                    <p:cond evt="onNext" delay="0">
                      <p:tgtEl>
                        <p:sldTgt/>
                      </p:tgtEl>
                    </p:cond>
                  </p:nextCondLst>
                </p:seq>
              </p:childTnLst>
            </p:cTn>
          </p:par>
        </p:tnLst>
      </p:timing>
    </mc:Choice>
    <mc:Fallback xmlns="">
      <p:timing>
        <p:tnLst>
          <p:par>
            <p:cTn id="1" dur="indefinite" restart="never" nodeType="tmRoot">
              <p:childTnLst>
                <p:seq concurrent="1" nextAc="seek">
                  <p:cTn id="2" dur="indefinite" nodeType="mainSeq">
                    <p:childTnLst>
                      <p:par>
                        <p:cTn id="3" fill="hold">
                          <p:stCondLst>
                            <p:cond delay="indefinite"/>
                          </p:stCondLst>
                          <p:childTnLst>
                            <p:par>
                              <p:cTn id="4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5" presetID="2" presetClass="entr" presetSubtype="8" fill="hold" nodeType="clickEffect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6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57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 calcmode="lin" valueType="num">
                                          <p:cBhvr additive="base">
                                            <p:cTn id="7" dur="500" fill="hold"/>
                                            <p:tgtEl>
                                              <p:spTgt spid="57"/>
                                            </p:tgtEl>
                                            <p:attrNameLst>
                                              <p:attrName>ppt_x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strVal val="0-#ppt_w/2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x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 additive="base">
                                            <p:cTn id="8" dur="500" fill="hold"/>
                                            <p:tgtEl>
                                              <p:spTgt spid="57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strVal val="#ppt_y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y"/>
                                              </p:val>
                                            </p:tav>
                                          </p:tavLst>
                                        </p:anim>
                                      </p:childTnLst>
                                    </p:cTn>
                                  </p:par>
                                  <p:par>
                                    <p:cTn id="9" presetID="1" presetClass="entr" presetSubtype="0" fill="hold" nodeType="withEffect">
                                      <p:stCondLst>
                                        <p:cond delay="500"/>
                                      </p:stCondLst>
                                      <p:childTnLst>
                                        <p:set>
                                          <p:cBhvr>
                                            <p:cTn id="10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65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  <p:par>
                        <p:cTn id="11" fill="hold">
                          <p:stCondLst>
                            <p:cond delay="indefinite"/>
                          </p:stCondLst>
                          <p:childTnLst>
                            <p:par>
                              <p:cTn id="12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13" presetID="2" presetClass="entr" presetSubtype="2" fill="hold" nodeType="clickEffect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14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8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 calcmode="lin" valueType="num">
                                          <p:cBhvr additive="base">
                                            <p:cTn id="15" dur="500" fill="hold"/>
                                            <p:tgtEl>
                                              <p:spTgt spid="8"/>
                                            </p:tgtEl>
                                            <p:attrNameLst>
                                              <p:attrName>ppt_x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strVal val="1+#ppt_w/2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x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 additive="base">
                                            <p:cTn id="16" dur="500" fill="hold"/>
                                            <p:tgtEl>
                                              <p:spTgt spid="8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strVal val="#ppt_y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y"/>
                                              </p:val>
                                            </p:tav>
                                          </p:tavLst>
                                        </p:anim>
                                      </p:childTnLst>
                                    </p:cTn>
                                  </p:par>
                                  <p:par>
                                    <p:cTn id="17" presetID="31" presetClass="entr" presetSubtype="0" fill="hold" nodeType="withEffect">
                                      <p:stCondLst>
                                        <p:cond delay="1000"/>
                                      </p:stCondLst>
                                      <p:childTnLst>
                                        <p:set>
                                          <p:cBhvr>
                                            <p:cTn id="18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83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 calcmode="lin" valueType="num">
                                          <p:cBhvr>
                                            <p:cTn id="19" dur="1000" fill="hold"/>
                                            <p:tgtEl>
                                              <p:spTgt spid="83"/>
                                            </p:tgtEl>
                                            <p:attrNameLst>
                                              <p:attrName>ppt_w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w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20" dur="1000" fill="hold"/>
                                            <p:tgtEl>
                                              <p:spTgt spid="83"/>
                                            </p:tgtEl>
                                            <p:attrNameLst>
                                              <p:attrName>ppt_h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h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21" dur="1000" fill="hold"/>
                                            <p:tgtEl>
                                              <p:spTgt spid="83"/>
                                            </p:tgtEl>
                                            <p:attrNameLst>
                                              <p:attrName>style.rotation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9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0"/>
                                              </p:val>
                                            </p:tav>
                                          </p:tavLst>
                                        </p:anim>
                                        <p:animEffect transition="in" filter="fade">
                                          <p:cBhvr>
                                            <p:cTn id="22" dur="1000"/>
                                            <p:tgtEl>
                                              <p:spTgt spid="83"/>
                                            </p:tgtEl>
                                          </p:cBhvr>
                                        </p:animEffect>
                                      </p:childTnLst>
                                    </p:cTn>
                                  </p:par>
                                  <p:par>
                                    <p:cTn id="23" presetID="1" presetClass="entr" presetSubtype="0" fill="hold" nodeType="withEffect">
                                      <p:stCondLst>
                                        <p:cond delay="500"/>
                                      </p:stCondLst>
                                      <p:childTnLst>
                                        <p:set>
                                          <p:cBhvr>
                                            <p:cTn id="24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75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  <p:par>
                        <p:cTn id="25" fill="hold">
                          <p:stCondLst>
                            <p:cond delay="indefinite"/>
                          </p:stCondLst>
                          <p:childTnLst>
                            <p:par>
                              <p:cTn id="26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27" presetID="26" presetClass="entr" presetSubtype="0" fill="hold" nodeType="clickEffect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28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Effect transition="in" filter="wipe(down)">
                                          <p:cBhvr>
                                            <p:cTn id="29" dur="580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</p:animEffect>
                                        <p:anim calcmode="lin" valueType="num">
                                          <p:cBhvr>
                                            <p:cTn id="30" dur="1822" tmFilter="0,0; 0.14,0.36; 0.43,0.73; 0.71,0.91; 1.0,1.0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ppt_x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strVal val="#ppt_x-0.25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x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31" dur="664" tmFilter="0.0,0.0; 0.25,0.07; 0.50,0.2; 0.75,0.467; 1.0,1.0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 fmla="#ppt_y-sin(pi*$)/3">
                                              <p:val>
                                                <p:fltVal val="0.5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32" dur="664" tmFilter="0, 0; 0.125,0.2665; 0.25,0.4; 0.375,0.465; 0.5,0.5;  0.625,0.535; 0.75,0.6; 0.875,0.7335; 1,1">
                                              <p:stCondLst>
                                                <p:cond delay="664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 fmla="#ppt_y-sin(pi*$)/9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33" dur="332" tmFilter="0, 0; 0.125,0.2665; 0.25,0.4; 0.375,0.465; 0.5,0.5;  0.625,0.535; 0.75,0.6; 0.875,0.7335; 1,1">
                                              <p:stCondLst>
                                                <p:cond delay="1324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 fmla="#ppt_y-sin(pi*$)/27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34" dur="164" tmFilter="0, 0; 0.125,0.2665; 0.25,0.4; 0.375,0.465; 0.5,0.5;  0.625,0.535; 0.75,0.6; 0.875,0.7335; 1,1">
                                              <p:stCondLst>
                                                <p:cond delay="1656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 fmla="#ppt_y-sin(pi*$)/81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  <p:animScale>
                                          <p:cBhvr>
                                            <p:cTn id="35" dur="26">
                                              <p:stCondLst>
                                                <p:cond delay="650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60000"/>
                                        </p:animScale>
                                        <p:animScale>
                                          <p:cBhvr>
                                            <p:cTn id="36" dur="166" decel="50000">
                                              <p:stCondLst>
                                                <p:cond delay="676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100000"/>
                                        </p:animScale>
                                        <p:animScale>
                                          <p:cBhvr>
                                            <p:cTn id="37" dur="26">
                                              <p:stCondLst>
                                                <p:cond delay="1312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80000"/>
                                        </p:animScale>
                                        <p:animScale>
                                          <p:cBhvr>
                                            <p:cTn id="38" dur="166" decel="50000">
                                              <p:stCondLst>
                                                <p:cond delay="1338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100000"/>
                                        </p:animScale>
                                        <p:animScale>
                                          <p:cBhvr>
                                            <p:cTn id="39" dur="26">
                                              <p:stCondLst>
                                                <p:cond delay="1642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90000"/>
                                        </p:animScale>
                                        <p:animScale>
                                          <p:cBhvr>
                                            <p:cTn id="40" dur="166" decel="50000">
                                              <p:stCondLst>
                                                <p:cond delay="1668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100000"/>
                                        </p:animScale>
                                        <p:animScale>
                                          <p:cBhvr>
                                            <p:cTn id="41" dur="26">
                                              <p:stCondLst>
                                                <p:cond delay="1808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95000"/>
                                        </p:animScale>
                                        <p:animScale>
                                          <p:cBhvr>
                                            <p:cTn id="42" dur="166" decel="50000">
                                              <p:stCondLst>
                                                <p:cond delay="1834"/>
                                              </p:stCondLst>
                                            </p:cTn>
                                            <p:tgtEl>
                                              <p:spTgt spid="10"/>
                                            </p:tgtEl>
                                          </p:cBhvr>
                                          <p:to x="100000" y="100000"/>
                                        </p:animScale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  <p:par>
                        <p:cTn id="43" fill="hold">
                          <p:stCondLst>
                            <p:cond delay="indefinite"/>
                          </p:stCondLst>
                          <p:childTnLst>
                            <p:par>
                              <p:cTn id="44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45" presetID="15" presetClass="entr" presetSubtype="0" fill="hold" nodeType="clickEffect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46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4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 calcmode="lin" valueType="num">
                                          <p:cBhvr>
                                            <p:cTn id="47" dur="1000" fill="hold"/>
                                            <p:tgtEl>
                                              <p:spTgt spid="14"/>
                                            </p:tgtEl>
                                            <p:attrNameLst>
                                              <p:attrName>ppt_w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w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48" dur="1000" fill="hold"/>
                                            <p:tgtEl>
                                              <p:spTgt spid="14"/>
                                            </p:tgtEl>
                                            <p:attrNameLst>
                                              <p:attrName>ppt_h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h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49" dur="1000" fill="hold"/>
                                            <p:tgtEl>
                                              <p:spTgt spid="14"/>
                                            </p:tgtEl>
                                            <p:attrNameLst>
                                              <p:attrName>ppt_x</p:attrName>
                                            </p:attrNameLst>
                                          </p:cBhvr>
                                          <p:tavLst>
                                            <p:tav tm="0" fmla="#ppt_x+(cos(-2*pi*(1-$))*-#ppt_x-sin(-2*pi*(1-$))*(1-#ppt_y))*(1-$)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50" dur="1000" fill="hold"/>
                                            <p:tgtEl>
                                              <p:spTgt spid="14"/>
                                            </p:tgtEl>
                                            <p:attrNameLst>
                                              <p:attrName>ppt_y</p:attrName>
                                            </p:attrNameLst>
                                          </p:cBhvr>
                                          <p:tavLst>
                                            <p:tav tm="0" fmla="#ppt_y+(sin(-2*pi*(1-$))*-#ppt_x+cos(-2*pi*(1-$))*(1-#ppt_y))*(1-$)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1"/>
                                              </p:val>
                                            </p:tav>
                                          </p:tavLst>
                                        </p:anim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  <p:par>
                        <p:cTn id="51" fill="hold">
                          <p:stCondLst>
                            <p:cond delay="indefinite"/>
                          </p:stCondLst>
                          <p:childTnLst>
                            <p:par>
                              <p:cTn id="52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53" presetID="35" presetClass="entr" presetSubtype="0" fill="hold" nodeType="clickEffect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54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11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Effect transition="in" filter="fade">
                                          <p:cBhvr>
                                            <p:cTn id="55" dur="2000"/>
                                            <p:tgtEl>
                                              <p:spTgt spid="11"/>
                                            </p:tgtEl>
                                          </p:cBhvr>
                                        </p:animEffect>
                                        <p:anim calcmode="lin" valueType="num">
                                          <p:cBhvr>
                                            <p:cTn id="56" dur="2000" fill="hold"/>
                                            <p:tgtEl>
                                              <p:spTgt spid="11"/>
                                            </p:tgtEl>
                                            <p:attrNameLst>
                                              <p:attrName>style.rotation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72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fltVal val="0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57" dur="2000" fill="hold"/>
                                            <p:tgtEl>
                                              <p:spTgt spid="11"/>
                                            </p:tgtEl>
                                            <p:attrNameLst>
                                              <p:attrName>ppt_h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h"/>
                                              </p:val>
                                            </p:tav>
                                          </p:tavLst>
                                        </p:anim>
                                        <p:anim calcmode="lin" valueType="num">
                                          <p:cBhvr>
                                            <p:cTn id="58" dur="2000" fill="hold"/>
                                            <p:tgtEl>
                                              <p:spTgt spid="11"/>
                                            </p:tgtEl>
                                            <p:attrNameLst>
                                              <p:attrName>ppt_w</p:attrName>
                                            </p:attrNameLst>
                                          </p:cBhvr>
                                          <p:tavLst>
                                            <p:tav tm="0">
                                              <p:val>
                                                <p:fltVal val="0"/>
                                              </p:val>
                                            </p:tav>
                                            <p:tav tm="100000">
                                              <p:val>
                                                <p:strVal val="#ppt_w"/>
                                              </p:val>
                                            </p:tav>
                                          </p:tavLst>
                                        </p:anim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  <p:par>
                              <p:cTn id="59" fill="hold">
                                <p:stCondLst>
                                  <p:cond delay="2000"/>
                                </p:stCondLst>
                                <p:childTnLst>
                                  <p:par>
                                    <p:cTn id="60" presetID="1" presetClass="entr" presetSubtype="0" fill="hold" nodeType="afterEffect">
                                      <p:stCondLst>
                                        <p:cond delay="500"/>
                                      </p:stCondLst>
                                      <p:childTnLst>
                                        <p:set>
                                          <p:cBhvr>
                                            <p:cTn id="61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7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  <p:par>
                              <p:cTn id="62" fill="hold">
                                <p:stCondLst>
                                  <p:cond delay="2500"/>
                                </p:stCondLst>
                                <p:childTnLst>
                                  <p:par>
                                    <p:cTn id="63" presetID="1" presetClass="entr" presetSubtype="0" fill="hold" nodeType="afterEffect">
                                      <p:stCondLst>
                                        <p:cond delay="500"/>
                                      </p:stCondLst>
                                      <p:childTnLst>
                                        <p:set>
                                          <p:cBhvr>
                                            <p:cTn id="64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9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  <p:par>
                        <p:cTn id="65" fill="hold">
                          <p:stCondLst>
                            <p:cond delay="indefinite"/>
                          </p:stCondLst>
                          <p:childTnLst>
                            <p:par>
                              <p:cTn id="66" fill="hold">
                                <p:stCondLst>
                                  <p:cond delay="0"/>
                                </p:stCondLst>
                                <p:childTnLst>
                                  <p:par>
                                    <p:cTn id="67" presetID="18" presetClass="entr" presetSubtype="6" fill="hold" nodeType="clickEffect">
                                      <p:stCondLst>
                                        <p:cond delay="0"/>
                                      </p:stCondLst>
                                      <p:childTnLst>
                                        <p:set>
                                          <p:cBhvr>
                                            <p:cTn id="68" dur="1" fill="hold">
                                              <p:stCondLst>
                                                <p:cond delay="0"/>
                                              </p:stCondLst>
                                            </p:cTn>
                                            <p:tgtEl>
                                              <p:spTgt spid="58"/>
                                            </p:tgtEl>
                                            <p:attrNameLst>
                                              <p:attrName>style.visibility</p:attrName>
                                            </p:attrNameLst>
                                          </p:cBhvr>
                                          <p:to>
                                            <p:strVal val="visible"/>
                                          </p:to>
                                        </p:set>
                                        <p:animEffect transition="in" filter="strips(downRight)">
                                          <p:cBhvr>
                                            <p:cTn id="69" dur="500"/>
                                            <p:tgtEl>
                                              <p:spTgt spid="58"/>
                                            </p:tgtEl>
                                          </p:cBhvr>
                                        </p:animEffect>
                                      </p:childTnLst>
                                    </p:cTn>
                                  </p:par>
                                </p:childTnLst>
                              </p:cTn>
                            </p:par>
                          </p:childTnLst>
                        </p:cTn>
                      </p:par>
                    </p:childTnLst>
                  </p:cTn>
                  <p:prevCondLst>
                    <p:cond evt="onPrev" delay="0">
                      <p:tgtEl>
                        <p:sldTgt/>
                      </p:tgtEl>
                    </p:cond>
                  </p:prevCondLst>
                  <p:nextCondLst>
                    <p:cond evt="onNext" delay="0">
                      <p:tgtEl>
                        <p:sldTgt/>
                      </p:tgtEl>
                    </p:cond>
                  </p:nextCondLst>
                </p:seq>
              </p:childTnLst>
            </p:cTn>
          </p:par>
        </p:tnLst>
      </p:timing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chitectural Diagram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21F75FAD-98BE-C845-987D-03D837FBFCBE}"/>
              </a:ext>
            </a:extLst>
          </p:cNvPr>
          <p:cNvSpPr/>
          <p:nvPr/>
        </p:nvSpPr>
        <p:spPr>
          <a:xfrm>
            <a:off x="767408" y="2775919"/>
            <a:ext cx="2088232" cy="1440160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200" dirty="0">
                <a:latin typeface="AA Zuehlke" pitchFamily="2" charset="0"/>
              </a:rPr>
              <a:t>Sensor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367C44A-E30D-6845-9E7E-F63FCC62153C}"/>
              </a:ext>
            </a:extLst>
          </p:cNvPr>
          <p:cNvSpPr/>
          <p:nvPr/>
        </p:nvSpPr>
        <p:spPr>
          <a:xfrm>
            <a:off x="5051884" y="2780928"/>
            <a:ext cx="2088232" cy="1440160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200" dirty="0">
                <a:latin typeface="AA Zuehlke" pitchFamily="2" charset="0"/>
              </a:rPr>
              <a:t>Node-RED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227E9DA5-2DA6-5443-A22C-D4E889149592}"/>
              </a:ext>
            </a:extLst>
          </p:cNvPr>
          <p:cNvSpPr/>
          <p:nvPr/>
        </p:nvSpPr>
        <p:spPr>
          <a:xfrm>
            <a:off x="9336360" y="2785156"/>
            <a:ext cx="2088232" cy="1440160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200" dirty="0">
                <a:latin typeface="AA Zuehlke" pitchFamily="2" charset="0"/>
              </a:rPr>
              <a:t>IoT Central</a:t>
            </a:r>
          </a:p>
        </p:txBody>
      </p: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46EB1411-FD21-F74E-9371-67ABE9ABB222}"/>
              </a:ext>
            </a:extLst>
          </p:cNvPr>
          <p:cNvCxnSpPr>
            <a:stCxn id="2" idx="3"/>
            <a:endCxn id="8" idx="1"/>
          </p:cNvCxnSpPr>
          <p:nvPr/>
        </p:nvCxnSpPr>
        <p:spPr>
          <a:xfrm>
            <a:off x="2855640" y="3495999"/>
            <a:ext cx="2196244" cy="5009"/>
          </a:xfrm>
          <a:prstGeom prst="straightConnector1">
            <a:avLst/>
          </a:prstGeom>
          <a:ln w="5080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09044012-E4B6-6D48-8553-BE032A227CD5}"/>
              </a:ext>
            </a:extLst>
          </p:cNvPr>
          <p:cNvCxnSpPr/>
          <p:nvPr/>
        </p:nvCxnSpPr>
        <p:spPr>
          <a:xfrm>
            <a:off x="7145215" y="3500227"/>
            <a:ext cx="2196244" cy="5009"/>
          </a:xfrm>
          <a:prstGeom prst="straightConnector1">
            <a:avLst/>
          </a:prstGeom>
          <a:ln w="5080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B1A6440D-D29D-6543-8691-40F639616AE1}"/>
              </a:ext>
            </a:extLst>
          </p:cNvPr>
          <p:cNvSpPr txBox="1"/>
          <p:nvPr/>
        </p:nvSpPr>
        <p:spPr>
          <a:xfrm>
            <a:off x="3636437" y="3105391"/>
            <a:ext cx="648656" cy="323609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GB" sz="2200" dirty="0">
                <a:latin typeface="AA Zuehlke" pitchFamily="2" charset="0"/>
              </a:rPr>
              <a:t>HTTP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C2FD83DC-A2F3-9947-AF75-AFD202E3205D}"/>
              </a:ext>
            </a:extLst>
          </p:cNvPr>
          <p:cNvSpPr txBox="1"/>
          <p:nvPr/>
        </p:nvSpPr>
        <p:spPr>
          <a:xfrm>
            <a:off x="7883075" y="3080968"/>
            <a:ext cx="710326" cy="356949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GB" sz="2200" dirty="0">
                <a:latin typeface="AA Zuehlke" pitchFamily="2" charset="0"/>
              </a:rPr>
              <a:t>MQTT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547C6826-E9F4-B045-82BC-59281F5FE296}"/>
              </a:ext>
            </a:extLst>
          </p:cNvPr>
          <p:cNvSpPr/>
          <p:nvPr/>
        </p:nvSpPr>
        <p:spPr>
          <a:xfrm>
            <a:off x="406400" y="2348880"/>
            <a:ext cx="7129760" cy="2304256"/>
          </a:xfrm>
          <a:prstGeom prst="rect">
            <a:avLst/>
          </a:prstGeom>
          <a:noFill/>
          <a:ln w="38100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dirty="0" err="1">
              <a:latin typeface="AA Zuehlke" pitchFamily="2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5126C39-69D9-9643-9A3F-2174F3D69D69}"/>
              </a:ext>
            </a:extLst>
          </p:cNvPr>
          <p:cNvSpPr txBox="1"/>
          <p:nvPr/>
        </p:nvSpPr>
        <p:spPr>
          <a:xfrm>
            <a:off x="389810" y="4722249"/>
            <a:ext cx="1421714" cy="359931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GB" sz="2200" dirty="0">
                <a:latin typeface="AA Zuehlke" pitchFamily="2" charset="0"/>
              </a:rPr>
              <a:t>Raspberry Pi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5360490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Demo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A5632040-274B-D840-8031-8B3CC523D191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DD0F7403-671E-6744-B9F4-894797EAACF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  <a14:imgEffect>
                      <a14:brightnessContrast bright="20000"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2787" b="26941"/>
          <a:stretch/>
        </p:blipFill>
        <p:spPr>
          <a:xfrm>
            <a:off x="406399" y="406400"/>
            <a:ext cx="11379199" cy="429306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8766930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hould you use it?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en-GB" dirty="0"/>
              <a:t>Prototyping: definitely</a:t>
            </a:r>
          </a:p>
          <a:p>
            <a:r>
              <a:rPr lang="en-GB" dirty="0"/>
              <a:t>Production: it depends…</a:t>
            </a:r>
          </a:p>
          <a:p>
            <a:r>
              <a:rPr lang="en-GB" dirty="0"/>
              <a:t>Do you allow users to modify flows?</a:t>
            </a:r>
          </a:p>
          <a:p>
            <a:r>
              <a:rPr lang="en-GB" dirty="0"/>
              <a:t>If so, how do you install updates?</a:t>
            </a:r>
          </a:p>
          <a:p>
            <a:r>
              <a:rPr lang="en-GB" dirty="0"/>
              <a:t>Performance?</a:t>
            </a:r>
          </a:p>
          <a:p>
            <a:r>
              <a:rPr lang="en-GB" dirty="0"/>
              <a:t>How complex is your business logic?</a:t>
            </a:r>
          </a:p>
          <a:p>
            <a:endParaRPr lang="en-GB" dirty="0"/>
          </a:p>
          <a:p>
            <a:r>
              <a:rPr lang="en-GB" dirty="0"/>
              <a:t>Pretty stable: but exception in one node crashes Node-RED completely</a:t>
            </a:r>
          </a:p>
          <a:p>
            <a:r>
              <a:rPr lang="en-GB" dirty="0"/>
              <a:t>Azure IoT Hub node </a:t>
            </a:r>
            <a:r>
              <a:rPr lang="en-GB"/>
              <a:t>not production ready!</a:t>
            </a: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04677781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Visual programming has it’s limitations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en-GB" dirty="0"/>
              <a:t>“The flow chart is a very poor abstraction of software structure”</a:t>
            </a:r>
            <a:br>
              <a:rPr lang="en-GB" dirty="0"/>
            </a:br>
            <a:r>
              <a:rPr lang="en-GB" dirty="0"/>
              <a:t>-- Fred Brooks, </a:t>
            </a:r>
            <a:r>
              <a:rPr lang="en-GB" i="1" dirty="0"/>
              <a:t>No Silver Bullet</a:t>
            </a:r>
          </a:p>
          <a:p>
            <a:r>
              <a:rPr lang="en-GB" dirty="0"/>
              <a:t>Flow chart visualises only one aspect of the program; what about state or control flow?</a:t>
            </a:r>
          </a:p>
          <a:p>
            <a:r>
              <a:rPr lang="en-GB" dirty="0"/>
              <a:t>“Code” reuse and encapsulation is difficult</a:t>
            </a:r>
          </a:p>
          <a:p>
            <a:r>
              <a:rPr lang="en-GB" dirty="0"/>
              <a:t>Separation of concerns is difficult</a:t>
            </a:r>
          </a:p>
          <a:p>
            <a:r>
              <a:rPr lang="en-GB" dirty="0"/>
              <a:t>Flow quickly outgrows your screen</a:t>
            </a:r>
          </a:p>
          <a:p>
            <a:r>
              <a:rPr lang="en-GB" dirty="0"/>
              <a:t>Only one flow can run at a time</a:t>
            </a:r>
          </a:p>
          <a:p>
            <a:r>
              <a:rPr lang="en-GB" dirty="0"/>
              <a:t>Merge conflicts of auto-generated flow files (JSON)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1459109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ebugging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en-GB" dirty="0"/>
              <a:t>Only possible with logging messages (debug node)</a:t>
            </a:r>
          </a:p>
          <a:p>
            <a:r>
              <a:rPr lang="en-GB" dirty="0"/>
              <a:t>JavaScript in function nodes can also only be debugged with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console.log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</a:p>
          <a:p>
            <a:r>
              <a:rPr lang="en-GB" dirty="0"/>
              <a:t>But if you have developed your own node, you can attach a debugger to it</a:t>
            </a:r>
          </a:p>
          <a:p>
            <a:r>
              <a:rPr lang="en-GB" dirty="0"/>
              <a:t>Pattern: if your function node becomes so complex that you need to debug it, convert it into a custom node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6078296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PM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en-GB" dirty="0"/>
              <a:t>Got a problem? Somebody already solved it</a:t>
            </a:r>
          </a:p>
          <a:p>
            <a:r>
              <a:rPr lang="en-GB" dirty="0"/>
              <a:t>Quality?</a:t>
            </a:r>
          </a:p>
          <a:p>
            <a:r>
              <a:rPr lang="en-GB" dirty="0"/>
              <a:t>Security?</a:t>
            </a:r>
          </a:p>
          <a:p>
            <a:r>
              <a:rPr lang="en-GB" dirty="0"/>
              <a:t>Maintained?</a:t>
            </a:r>
          </a:p>
          <a:p>
            <a:r>
              <a:rPr lang="en-GB" dirty="0"/>
              <a:t>OS licenses?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1F07C05-2E37-CB47-B6D5-B7662CEFB5B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83632" y="2492896"/>
            <a:ext cx="17664395" cy="380101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5F68CEF-F300-D04C-855D-AEE892961E9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895757" y="891409"/>
            <a:ext cx="8296243" cy="5966591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7916909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" presetClass="entr" presetSubtype="4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ols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en-GB" dirty="0"/>
              <a:t>Test nodes and flows with Mocha</a:t>
            </a:r>
          </a:p>
          <a:p>
            <a:r>
              <a:rPr lang="en-GB" dirty="0"/>
              <a:t>TypeScript</a:t>
            </a:r>
          </a:p>
          <a:p>
            <a:r>
              <a:rPr lang="en-GB" dirty="0" err="1"/>
              <a:t>Lerna</a:t>
            </a:r>
            <a:r>
              <a:rPr lang="en-GB" dirty="0"/>
              <a:t> (</a:t>
            </a:r>
            <a:r>
              <a:rPr lang="en-GB" dirty="0" err="1"/>
              <a:t>monorepo</a:t>
            </a:r>
            <a:r>
              <a:rPr lang="en-GB" dirty="0"/>
              <a:t>)</a:t>
            </a:r>
          </a:p>
          <a:p>
            <a:r>
              <a:rPr lang="en-GB" dirty="0"/>
              <a:t>VS Code</a:t>
            </a:r>
          </a:p>
          <a:p>
            <a:r>
              <a:rPr lang="en-GB" dirty="0"/>
              <a:t>C++ bindings with NAN (</a:t>
            </a:r>
            <a:r>
              <a:rPr lang="de-DE" dirty="0"/>
              <a:t>Native </a:t>
            </a:r>
            <a:r>
              <a:rPr lang="de-DE" dirty="0" err="1"/>
              <a:t>Abstraction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Node.js</a:t>
            </a:r>
            <a:r>
              <a:rPr lang="de-DE" dirty="0"/>
              <a:t>)</a:t>
            </a:r>
          </a:p>
          <a:p>
            <a:r>
              <a:rPr lang="de-DE" dirty="0"/>
              <a:t>C# </a:t>
            </a:r>
            <a:r>
              <a:rPr lang="de-DE" dirty="0" err="1"/>
              <a:t>bindings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Edge.js</a:t>
            </a:r>
            <a:endParaRPr lang="de-DE" dirty="0"/>
          </a:p>
          <a:p>
            <a:r>
              <a:rPr lang="de-DE" dirty="0"/>
              <a:t>OPC UA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node-opcua</a:t>
            </a:r>
            <a:endParaRPr lang="en-GB" dirty="0"/>
          </a:p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4987458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94D026CA-C5F1-844C-8588-DEC5534CBF1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Questions?</a:t>
            </a:r>
          </a:p>
        </p:txBody>
      </p:sp>
    </p:spTree>
    <p:extLst>
      <p:ext uri="{BB962C8B-B14F-4D97-AF65-F5344CB8AC3E}">
        <p14:creationId xmlns:p14="http://schemas.microsoft.com/office/powerpoint/2010/main" val="162166326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3">
            <a:extLst>
              <a:ext uri="{FF2B5EF4-FFF2-40B4-BE49-F238E27FC236}">
                <a16:creationId xmlns:a16="http://schemas.microsoft.com/office/drawing/2014/main" id="{58D7DDAD-DBEC-4550-A3D5-0C6E06AEAD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ensor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369AF285-2FD0-414D-8D1E-D25F23A3B9F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e-DE" b="1" dirty="0"/>
              <a:t>Yocto-3D-V2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42E53299-47FC-4351-AE96-11F7DA437B37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9" y="1789355"/>
            <a:ext cx="5639271" cy="4662246"/>
          </a:xfrm>
        </p:spPr>
        <p:txBody>
          <a:bodyPr/>
          <a:lstStyle/>
          <a:p>
            <a:r>
              <a:rPr lang="en-GB" dirty="0"/>
              <a:t>Accelerometer</a:t>
            </a:r>
          </a:p>
          <a:p>
            <a:r>
              <a:rPr lang="en-GB" dirty="0"/>
              <a:t>Gyroscope</a:t>
            </a:r>
          </a:p>
          <a:p>
            <a:r>
              <a:rPr lang="en-GB" dirty="0"/>
              <a:t>Compass</a:t>
            </a:r>
          </a:p>
          <a:p>
            <a:r>
              <a:rPr lang="en-GB" dirty="0"/>
              <a:t>USB connection</a:t>
            </a:r>
          </a:p>
          <a:p>
            <a:r>
              <a:rPr lang="en-GB" dirty="0"/>
              <a:t>~ € 50</a:t>
            </a:r>
          </a:p>
          <a:p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30B3B35B-9EA3-4F33-B702-9AACE215FFDB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146328" y="1789355"/>
            <a:ext cx="5639271" cy="4662246"/>
          </a:xfrm>
        </p:spPr>
        <p:txBody>
          <a:bodyPr/>
          <a:lstStyle/>
          <a:p>
            <a:r>
              <a:rPr lang="en-GB" dirty="0"/>
              <a:t>C++</a:t>
            </a:r>
          </a:p>
          <a:p>
            <a:r>
              <a:rPr lang="en-GB" dirty="0"/>
              <a:t>C#</a:t>
            </a:r>
          </a:p>
          <a:p>
            <a:r>
              <a:rPr lang="en-GB" dirty="0"/>
              <a:t>Java</a:t>
            </a:r>
          </a:p>
          <a:p>
            <a:r>
              <a:rPr lang="en-GB" dirty="0"/>
              <a:t>JS</a:t>
            </a:r>
          </a:p>
          <a:p>
            <a:r>
              <a:rPr lang="en-GB" dirty="0"/>
              <a:t>HTTP and many more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9598213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Placeholder 6">
            <a:extLst>
              <a:ext uri="{FF2B5EF4-FFF2-40B4-BE49-F238E27FC236}">
                <a16:creationId xmlns:a16="http://schemas.microsoft.com/office/drawing/2014/main" id="{3EA57BF7-11BF-0944-9630-77DADE42F22B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F1CEE52-3242-4D20-8637-A57CE2DE2031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en-GB" dirty="0"/>
              <a:t>Casper Lans</a:t>
            </a:r>
          </a:p>
          <a:p>
            <a:r>
              <a:rPr lang="en-GB" dirty="0"/>
              <a:t>Advanced Software Engineer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1044319-EDEC-43DF-8B82-59F42CAE943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GB" dirty="0"/>
          </a:p>
          <a:p>
            <a:r>
              <a:rPr lang="en-GB" dirty="0" err="1"/>
              <a:t>casper.lans@zuehlke.com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74B5E76-ACF7-4370-8309-397260F53D3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0230033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aspberry Pi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Small single-board computer</a:t>
            </a:r>
          </a:p>
          <a:p>
            <a:r>
              <a:rPr lang="en-GB" dirty="0"/>
              <a:t>To promote teaching of basic computer science in schools and in developing countries</a:t>
            </a:r>
          </a:p>
          <a:p>
            <a:r>
              <a:rPr lang="en-GB" dirty="0"/>
              <a:t>Does not include peripherals</a:t>
            </a:r>
          </a:p>
          <a:p>
            <a:r>
              <a:rPr lang="en-GB" dirty="0"/>
              <a:t>Lots of OS images available</a:t>
            </a:r>
          </a:p>
          <a:p>
            <a:r>
              <a:rPr lang="en-GB" dirty="0"/>
              <a:t>Raspbian is the official OS</a:t>
            </a:r>
          </a:p>
          <a:p>
            <a:r>
              <a:rPr lang="en-GB" dirty="0"/>
              <a:t>~ € 35 - 60</a:t>
            </a:r>
            <a:br>
              <a:rPr lang="en-GB" dirty="0"/>
            </a:b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98275345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de.j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de-DE" dirty="0"/>
              <a:t>Cross-</a:t>
            </a:r>
            <a:r>
              <a:rPr lang="de-DE" dirty="0" err="1"/>
              <a:t>platform</a:t>
            </a:r>
            <a:r>
              <a:rPr lang="de-DE" dirty="0"/>
              <a:t> JavaScript </a:t>
            </a:r>
            <a:r>
              <a:rPr lang="de-DE" dirty="0" err="1"/>
              <a:t>runtime</a:t>
            </a:r>
            <a:endParaRPr lang="de-DE" dirty="0"/>
          </a:p>
          <a:p>
            <a:r>
              <a:rPr lang="de-DE" dirty="0"/>
              <a:t>Server-</a:t>
            </a:r>
            <a:r>
              <a:rPr lang="de-DE" dirty="0" err="1"/>
              <a:t>side</a:t>
            </a:r>
            <a:r>
              <a:rPr lang="de-DE" dirty="0"/>
              <a:t> (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browser</a:t>
            </a:r>
            <a:r>
              <a:rPr lang="de-DE" dirty="0"/>
              <a:t>)</a:t>
            </a:r>
          </a:p>
          <a:p>
            <a:r>
              <a:rPr lang="de-DE" dirty="0" err="1"/>
              <a:t>Asynchronous</a:t>
            </a:r>
            <a:r>
              <a:rPr lang="de-DE" dirty="0"/>
              <a:t> (non-</a:t>
            </a:r>
            <a:r>
              <a:rPr lang="de-DE" dirty="0" err="1"/>
              <a:t>blocking</a:t>
            </a:r>
            <a:r>
              <a:rPr lang="de-DE" dirty="0"/>
              <a:t>)</a:t>
            </a:r>
          </a:p>
          <a:p>
            <a:r>
              <a:rPr lang="de-DE" dirty="0"/>
              <a:t>Single-</a:t>
            </a:r>
            <a:r>
              <a:rPr lang="de-DE" dirty="0" err="1"/>
              <a:t>threaded</a:t>
            </a:r>
            <a:endParaRPr lang="de-DE" dirty="0"/>
          </a:p>
          <a:p>
            <a:r>
              <a:rPr lang="de-DE" dirty="0" err="1"/>
              <a:t>Designed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scalable</a:t>
            </a:r>
            <a:r>
              <a:rPr lang="de-DE" dirty="0"/>
              <a:t> </a:t>
            </a:r>
            <a:r>
              <a:rPr lang="de-DE" dirty="0" err="1"/>
              <a:t>network</a:t>
            </a:r>
            <a:r>
              <a:rPr lang="de-DE" dirty="0"/>
              <a:t> </a:t>
            </a:r>
            <a:r>
              <a:rPr lang="de-DE" dirty="0" err="1"/>
              <a:t>applications</a:t>
            </a: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61130203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S Azure IoT Central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e-DE" dirty="0" err="1"/>
              <a:t>Easily</a:t>
            </a:r>
            <a:r>
              <a:rPr lang="de-DE" dirty="0"/>
              <a:t> </a:t>
            </a:r>
            <a:r>
              <a:rPr lang="de-DE" dirty="0" err="1"/>
              <a:t>connect</a:t>
            </a:r>
            <a:r>
              <a:rPr lang="de-DE" dirty="0"/>
              <a:t>, </a:t>
            </a:r>
            <a:r>
              <a:rPr lang="de-DE" dirty="0" err="1"/>
              <a:t>monitor</a:t>
            </a:r>
            <a:r>
              <a:rPr lang="de-DE" dirty="0"/>
              <a:t> </a:t>
            </a:r>
            <a:r>
              <a:rPr lang="de-DE" dirty="0" err="1"/>
              <a:t>and</a:t>
            </a:r>
            <a:r>
              <a:rPr lang="de-DE" dirty="0"/>
              <a:t> manage </a:t>
            </a:r>
            <a:r>
              <a:rPr lang="de-DE" dirty="0" err="1"/>
              <a:t>your</a:t>
            </a:r>
            <a:r>
              <a:rPr lang="de-DE" dirty="0"/>
              <a:t> </a:t>
            </a:r>
            <a:r>
              <a:rPr lang="de-DE" dirty="0" err="1"/>
              <a:t>IoT</a:t>
            </a:r>
            <a:r>
              <a:rPr lang="de-DE" dirty="0"/>
              <a:t> </a:t>
            </a:r>
            <a:r>
              <a:rPr lang="de-DE" dirty="0" err="1"/>
              <a:t>assets</a:t>
            </a:r>
            <a:r>
              <a:rPr lang="de-DE" dirty="0"/>
              <a:t> at </a:t>
            </a:r>
            <a:r>
              <a:rPr lang="de-DE" dirty="0" err="1"/>
              <a:t>scale</a:t>
            </a:r>
            <a:endParaRPr lang="de-DE" dirty="0"/>
          </a:p>
          <a:p>
            <a:r>
              <a:rPr lang="de-DE" dirty="0"/>
              <a:t>Software </a:t>
            </a:r>
            <a:r>
              <a:rPr lang="de-DE" dirty="0" err="1"/>
              <a:t>as</a:t>
            </a:r>
            <a:r>
              <a:rPr lang="de-DE" dirty="0"/>
              <a:t> a Service (SaaS)</a:t>
            </a:r>
          </a:p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72808367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isclaimer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en-GB" dirty="0"/>
              <a:t>No testing</a:t>
            </a:r>
          </a:p>
          <a:p>
            <a:r>
              <a:rPr lang="en-GB" dirty="0"/>
              <a:t>No device provisioning</a:t>
            </a:r>
          </a:p>
          <a:p>
            <a:r>
              <a:rPr lang="en-GB" dirty="0"/>
              <a:t>No security</a:t>
            </a:r>
          </a:p>
          <a:p>
            <a:r>
              <a:rPr lang="en-GB" dirty="0"/>
              <a:t>Quick &amp; dirty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794872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Flow-based programming for the Internet of Things</a:t>
            </a:r>
          </a:p>
          <a:p>
            <a:br>
              <a:rPr lang="de-DE" dirty="0"/>
            </a:b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de-RED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Browser-based editor</a:t>
            </a:r>
          </a:p>
          <a:p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4724C498-7EEE-534C-B442-2473EBFE4B8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439816" y="1789354"/>
            <a:ext cx="6912906" cy="457197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34416811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Built on Node.js</a:t>
            </a:r>
            <a:br>
              <a:rPr lang="de-DE" dirty="0"/>
            </a:b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de-RED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Event-driven, non-blocking, single-threaded</a:t>
            </a:r>
          </a:p>
          <a:p>
            <a:r>
              <a:rPr lang="en-GB" dirty="0"/>
              <a:t>Light-weight runtime</a:t>
            </a:r>
          </a:p>
          <a:p>
            <a:r>
              <a:rPr lang="en-GB" dirty="0"/>
              <a:t>Runs on low-cost hardware &amp; in the cloud</a:t>
            </a:r>
          </a:p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37249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3">
            <a:extLst>
              <a:ext uri="{FF2B5EF4-FFF2-40B4-BE49-F238E27FC236}">
                <a16:creationId xmlns:a16="http://schemas.microsoft.com/office/drawing/2014/main" id="{58D7DDAD-DBEC-4550-A3D5-0C6E06AEAD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de-RED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369AF285-2FD0-414D-8D1E-D25F23A3B9F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Platforms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42E53299-47FC-4351-AE96-11F7DA437B37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9" y="1789355"/>
            <a:ext cx="5639271" cy="4662246"/>
          </a:xfrm>
        </p:spPr>
        <p:txBody>
          <a:bodyPr/>
          <a:lstStyle/>
          <a:p>
            <a:r>
              <a:rPr lang="en-GB" dirty="0"/>
              <a:t>Local</a:t>
            </a:r>
          </a:p>
          <a:p>
            <a:pPr lvl="1"/>
            <a:r>
              <a:rPr lang="en-GB" dirty="0" err="1"/>
              <a:t>npm</a:t>
            </a:r>
            <a:r>
              <a:rPr lang="en-GB" dirty="0"/>
              <a:t> install node-red</a:t>
            </a:r>
          </a:p>
          <a:p>
            <a:pPr lvl="1"/>
            <a:r>
              <a:rPr lang="en-GB" dirty="0"/>
              <a:t>Docker</a:t>
            </a:r>
          </a:p>
          <a:p>
            <a:r>
              <a:rPr lang="en-GB" dirty="0"/>
              <a:t>On a device</a:t>
            </a:r>
          </a:p>
          <a:p>
            <a:pPr lvl="1"/>
            <a:r>
              <a:rPr lang="en-GB" dirty="0"/>
              <a:t>Raspberry Pi</a:t>
            </a:r>
          </a:p>
          <a:p>
            <a:pPr lvl="1"/>
            <a:r>
              <a:rPr lang="en-GB" dirty="0" err="1"/>
              <a:t>BeagleBone</a:t>
            </a:r>
            <a:r>
              <a:rPr lang="en-GB" dirty="0"/>
              <a:t> Black</a:t>
            </a:r>
          </a:p>
          <a:p>
            <a:pPr lvl="1"/>
            <a:r>
              <a:rPr lang="en-GB" dirty="0"/>
              <a:t>Arduino</a:t>
            </a:r>
          </a:p>
          <a:p>
            <a:pPr lvl="1"/>
            <a:r>
              <a:rPr lang="en-GB" dirty="0"/>
              <a:t>Android (“a bit experimental”)</a:t>
            </a:r>
          </a:p>
          <a:p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30B3B35B-9EA3-4F33-B702-9AACE215FFDB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146328" y="1789355"/>
            <a:ext cx="5639271" cy="4662246"/>
          </a:xfrm>
        </p:spPr>
        <p:txBody>
          <a:bodyPr/>
          <a:lstStyle/>
          <a:p>
            <a:r>
              <a:rPr lang="en-GB" dirty="0"/>
              <a:t>In the cloud</a:t>
            </a:r>
          </a:p>
          <a:p>
            <a:pPr lvl="1"/>
            <a:r>
              <a:rPr lang="en-GB" dirty="0"/>
              <a:t>IBM Cloud</a:t>
            </a:r>
          </a:p>
          <a:p>
            <a:pPr lvl="1"/>
            <a:r>
              <a:rPr lang="en-GB" dirty="0" err="1"/>
              <a:t>SenseTecnic</a:t>
            </a:r>
            <a:r>
              <a:rPr lang="en-GB" dirty="0"/>
              <a:t> FRED</a:t>
            </a:r>
          </a:p>
          <a:p>
            <a:pPr lvl="1"/>
            <a:r>
              <a:rPr lang="en-GB" dirty="0"/>
              <a:t>Amazon Web Services</a:t>
            </a:r>
          </a:p>
          <a:p>
            <a:pPr lvl="1"/>
            <a:r>
              <a:rPr lang="en-GB" dirty="0"/>
              <a:t>Microsoft Azure</a:t>
            </a:r>
          </a:p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1624467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Nodes are the building blocks</a:t>
            </a:r>
          </a:p>
          <a:p>
            <a:br>
              <a:rPr lang="de-DE" dirty="0"/>
            </a:b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de-RED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Good set of basic nodes for different protocols and logic</a:t>
            </a:r>
          </a:p>
          <a:p>
            <a:r>
              <a:rPr lang="en-GB" dirty="0"/>
              <a:t>Lots more nodes available as NPM packages</a:t>
            </a:r>
          </a:p>
          <a:p>
            <a:r>
              <a:rPr lang="en-GB" dirty="0"/>
              <a:t>Easy to develop your own node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2173464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Who created it?</a:t>
            </a:r>
          </a:p>
          <a:p>
            <a:br>
              <a:rPr lang="de-DE" dirty="0"/>
            </a:b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de-RED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Initial development by IBM</a:t>
            </a:r>
          </a:p>
          <a:p>
            <a:r>
              <a:rPr lang="en-GB" dirty="0"/>
              <a:t>First release in 2013</a:t>
            </a:r>
          </a:p>
          <a:p>
            <a:r>
              <a:rPr lang="en-GB" dirty="0"/>
              <a:t>Donated to the </a:t>
            </a:r>
            <a:r>
              <a:rPr lang="en-GB" dirty="0" err="1"/>
              <a:t>OpenJS</a:t>
            </a:r>
            <a:r>
              <a:rPr lang="en-GB" dirty="0"/>
              <a:t> Foundation in 2016</a:t>
            </a:r>
          </a:p>
          <a:p>
            <a:r>
              <a:rPr lang="en-GB" dirty="0"/>
              <a:t>Lead developers still IBM employees</a:t>
            </a:r>
          </a:p>
          <a:p>
            <a:r>
              <a:rPr lang="en-GB" dirty="0"/>
              <a:t>Latest version:  v0.20.7</a:t>
            </a:r>
          </a:p>
          <a:p>
            <a:r>
              <a:rPr lang="en-GB" dirty="0"/>
              <a:t>v1 expected soo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6689287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C90C980B-7AA6-8646-9AA5-E6C8ACE3419A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711" b="21711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Use Case: As a Fleet Manager, monitor a fleet of vehicl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284336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2140200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917076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91707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elementsMetadata":[],"documentContentValidatorConfiguration":{"enableDocumentContentValidator":false,"documentContentValidatorVersion":0},"slideId":"636746835490004268","enableDocumentContentUpdater":true,"version":"1.0"}]]></TemplafySlideTemplateConfiguration>
</file>

<file path=customXml/item13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7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2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25.xml><?xml version="1.0" encoding="utf-8"?>
<TemplafySlideFormConfiguration><![CDATA[{"formFields":[],"formDataEntries":[]}]]></TemplafySlideFormConfiguration>
</file>

<file path=customXml/item26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27.xml><?xml version="1.0" encoding="utf-8"?>
<TemplafySlideFormConfiguration><![CDATA[{"formFields":[],"formDataEntries":[]}]]></TemplafySlideFormConfiguration>
</file>

<file path=customXml/item28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29.xml><?xml version="1.0" encoding="utf-8"?>
<TemplafySlideTemplateConfiguration><![CDATA[{"elementsMetadata":[],"documentContentValidatorConfiguration":{"enableDocumentContentValidator":false,"documentContentValidatorVersion":0},"slideId":"636746835490004268","enableDocumentContentUpdater":true,"version":"1.0"}]]></TemplafySlideTemplateConfiguration>
</file>

<file path=customXml/item3.xml><?xml version="1.0" encoding="utf-8"?>
<TemplafySlideFormConfiguration><![CDATA[{"formFields":[],"formDataEntries":[]}]]></TemplafySlideFormConfiguration>
</file>

<file path=customXml/item30.xml><?xml version="1.0" encoding="utf-8"?>
<TemplafySlideFormConfiguration><![CDATA[{"formFields":[],"formDataEntries":[]}]]></TemplafySlideFormConfiguration>
</file>

<file path=customXml/item31.xml><?xml version="1.0" encoding="utf-8"?>
<TemplafySlideFormConfiguration><![CDATA[{"formFields":[],"formDataEntries":[]}]]></TemplafySlideFormConfiguration>
</file>

<file path=customXml/item32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33.xml><?xml version="1.0" encoding="utf-8"?>
<TemplafySlideFormConfiguration><![CDATA[{"formFields":[],"formDataEntries":[]}]]></TemplafySlideFormConfiguration>
</file>

<file path=customXml/item34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35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36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elementsMetadata":[],"documentContentValidatorConfiguration":{"enableDocumentContentValidator":false,"documentContentValidatorVersion":0},"slideId":"636746835490941844","enableDocumentContentUpdater":true,"version":"1.0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7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Props1.xml><?xml version="1.0" encoding="utf-8"?>
<ds:datastoreItem xmlns:ds="http://schemas.openxmlformats.org/officeDocument/2006/customXml" ds:itemID="{2C96B8E8-124D-3448-A02F-CF96E6E6567A}">
  <ds:schemaRefs/>
</ds:datastoreItem>
</file>

<file path=customXml/itemProps10.xml><?xml version="1.0" encoding="utf-8"?>
<ds:datastoreItem xmlns:ds="http://schemas.openxmlformats.org/officeDocument/2006/customXml" ds:itemID="{CCFFE816-87C5-0E40-857D-583F6D95913A}">
  <ds:schemaRefs/>
</ds:datastoreItem>
</file>

<file path=customXml/itemProps11.xml><?xml version="1.0" encoding="utf-8"?>
<ds:datastoreItem xmlns:ds="http://schemas.openxmlformats.org/officeDocument/2006/customXml" ds:itemID="{EE5CF165-A958-44BF-82D1-B9F7CDA0AEDC}">
  <ds:schemaRefs/>
</ds:datastoreItem>
</file>

<file path=customXml/itemProps12.xml><?xml version="1.0" encoding="utf-8"?>
<ds:datastoreItem xmlns:ds="http://schemas.openxmlformats.org/officeDocument/2006/customXml" ds:itemID="{4045C7B6-24CF-4215-AE01-E323DB3B7A8A}">
  <ds:schemaRefs/>
</ds:datastoreItem>
</file>

<file path=customXml/itemProps13.xml><?xml version="1.0" encoding="utf-8"?>
<ds:datastoreItem xmlns:ds="http://schemas.openxmlformats.org/officeDocument/2006/customXml" ds:itemID="{9F7AD6BE-016A-AD46-9F9D-5E542DD74F7D}">
  <ds:schemaRefs/>
</ds:datastoreItem>
</file>

<file path=customXml/itemProps14.xml><?xml version="1.0" encoding="utf-8"?>
<ds:datastoreItem xmlns:ds="http://schemas.openxmlformats.org/officeDocument/2006/customXml" ds:itemID="{7466783F-BEF2-7046-98D8-8E1A3E7C8578}">
  <ds:schemaRefs/>
</ds:datastoreItem>
</file>

<file path=customXml/itemProps15.xml><?xml version="1.0" encoding="utf-8"?>
<ds:datastoreItem xmlns:ds="http://schemas.openxmlformats.org/officeDocument/2006/customXml" ds:itemID="{962D105E-A566-4D45-ADDD-85EC62D361F4}">
  <ds:schemaRefs/>
</ds:datastoreItem>
</file>

<file path=customXml/itemProps16.xml><?xml version="1.0" encoding="utf-8"?>
<ds:datastoreItem xmlns:ds="http://schemas.openxmlformats.org/officeDocument/2006/customXml" ds:itemID="{78F83AC6-B84B-AE46-81A8-A819A8195D9D}">
  <ds:schemaRefs/>
</ds:datastoreItem>
</file>

<file path=customXml/itemProps17.xml><?xml version="1.0" encoding="utf-8"?>
<ds:datastoreItem xmlns:ds="http://schemas.openxmlformats.org/officeDocument/2006/customXml" ds:itemID="{9D7DB4A6-9EA8-5147-B2BA-ED0918B62DC8}">
  <ds:schemaRefs/>
</ds:datastoreItem>
</file>

<file path=customXml/itemProps18.xml><?xml version="1.0" encoding="utf-8"?>
<ds:datastoreItem xmlns:ds="http://schemas.openxmlformats.org/officeDocument/2006/customXml" ds:itemID="{A25EF4F3-FFD5-CF40-9F96-921DC7321F02}">
  <ds:schemaRefs/>
</ds:datastoreItem>
</file>

<file path=customXml/itemProps19.xml><?xml version="1.0" encoding="utf-8"?>
<ds:datastoreItem xmlns:ds="http://schemas.openxmlformats.org/officeDocument/2006/customXml" ds:itemID="{7BE4FFC4-20D1-8246-9F3D-B3712C90A582}">
  <ds:schemaRefs/>
</ds:datastoreItem>
</file>

<file path=customXml/itemProps2.xml><?xml version="1.0" encoding="utf-8"?>
<ds:datastoreItem xmlns:ds="http://schemas.openxmlformats.org/officeDocument/2006/customXml" ds:itemID="{D314AEB0-84A5-5346-B869-DB68A26F1479}">
  <ds:schemaRefs/>
</ds:datastoreItem>
</file>

<file path=customXml/itemProps20.xml><?xml version="1.0" encoding="utf-8"?>
<ds:datastoreItem xmlns:ds="http://schemas.openxmlformats.org/officeDocument/2006/customXml" ds:itemID="{885B4E8F-8D57-4745-9A6E-4D509019517C}">
  <ds:schemaRefs/>
</ds:datastoreItem>
</file>

<file path=customXml/itemProps21.xml><?xml version="1.0" encoding="utf-8"?>
<ds:datastoreItem xmlns:ds="http://schemas.openxmlformats.org/officeDocument/2006/customXml" ds:itemID="{007A0F71-EC4C-0C46-B3D5-090146B0A1A6}">
  <ds:schemaRefs/>
</ds:datastoreItem>
</file>

<file path=customXml/itemProps22.xml><?xml version="1.0" encoding="utf-8"?>
<ds:datastoreItem xmlns:ds="http://schemas.openxmlformats.org/officeDocument/2006/customXml" ds:itemID="{FEB33D20-82F6-A44C-89D5-98DCFE986DD8}">
  <ds:schemaRefs/>
</ds:datastoreItem>
</file>

<file path=customXml/itemProps23.xml><?xml version="1.0" encoding="utf-8"?>
<ds:datastoreItem xmlns:ds="http://schemas.openxmlformats.org/officeDocument/2006/customXml" ds:itemID="{56CFDEA6-E84C-6944-AC12-15804121AF36}">
  <ds:schemaRefs/>
</ds:datastoreItem>
</file>

<file path=customXml/itemProps24.xml><?xml version="1.0" encoding="utf-8"?>
<ds:datastoreItem xmlns:ds="http://schemas.openxmlformats.org/officeDocument/2006/customXml" ds:itemID="{EF068125-44E1-5F48-8366-59F9106273C8}">
  <ds:schemaRefs/>
</ds:datastoreItem>
</file>

<file path=customXml/itemProps25.xml><?xml version="1.0" encoding="utf-8"?>
<ds:datastoreItem xmlns:ds="http://schemas.openxmlformats.org/officeDocument/2006/customXml" ds:itemID="{F3854C7F-B08C-1C4E-85DB-36DAAB48D804}">
  <ds:schemaRefs/>
</ds:datastoreItem>
</file>

<file path=customXml/itemProps26.xml><?xml version="1.0" encoding="utf-8"?>
<ds:datastoreItem xmlns:ds="http://schemas.openxmlformats.org/officeDocument/2006/customXml" ds:itemID="{16F2E875-E30B-4A41-AAEA-F44CC2DEEE93}">
  <ds:schemaRefs/>
</ds:datastoreItem>
</file>

<file path=customXml/itemProps27.xml><?xml version="1.0" encoding="utf-8"?>
<ds:datastoreItem xmlns:ds="http://schemas.openxmlformats.org/officeDocument/2006/customXml" ds:itemID="{236CBFFB-F5E0-9840-8A38-9590F3DCE345}">
  <ds:schemaRefs/>
</ds:datastoreItem>
</file>

<file path=customXml/itemProps28.xml><?xml version="1.0" encoding="utf-8"?>
<ds:datastoreItem xmlns:ds="http://schemas.openxmlformats.org/officeDocument/2006/customXml" ds:itemID="{B12FB102-2961-1345-A5C1-9A92A6C995AA}">
  <ds:schemaRefs/>
</ds:datastoreItem>
</file>

<file path=customXml/itemProps29.xml><?xml version="1.0" encoding="utf-8"?>
<ds:datastoreItem xmlns:ds="http://schemas.openxmlformats.org/officeDocument/2006/customXml" ds:itemID="{BDF12A24-22E7-8149-8812-C2FB75E0F83C}">
  <ds:schemaRefs/>
</ds:datastoreItem>
</file>

<file path=customXml/itemProps3.xml><?xml version="1.0" encoding="utf-8"?>
<ds:datastoreItem xmlns:ds="http://schemas.openxmlformats.org/officeDocument/2006/customXml" ds:itemID="{260AFA69-15FF-40AC-B7BD-62B0F5400421}">
  <ds:schemaRefs/>
</ds:datastoreItem>
</file>

<file path=customXml/itemProps30.xml><?xml version="1.0" encoding="utf-8"?>
<ds:datastoreItem xmlns:ds="http://schemas.openxmlformats.org/officeDocument/2006/customXml" ds:itemID="{54F1F712-3CCB-F64C-9F82-120A194081F0}">
  <ds:schemaRefs/>
</ds:datastoreItem>
</file>

<file path=customXml/itemProps31.xml><?xml version="1.0" encoding="utf-8"?>
<ds:datastoreItem xmlns:ds="http://schemas.openxmlformats.org/officeDocument/2006/customXml" ds:itemID="{69D69A42-32C0-074B-9D02-D0196A2351B9}">
  <ds:schemaRefs/>
</ds:datastoreItem>
</file>

<file path=customXml/itemProps32.xml><?xml version="1.0" encoding="utf-8"?>
<ds:datastoreItem xmlns:ds="http://schemas.openxmlformats.org/officeDocument/2006/customXml" ds:itemID="{82C3D64E-F5F2-7943-91E8-798F2C8B703C}">
  <ds:schemaRefs/>
</ds:datastoreItem>
</file>

<file path=customXml/itemProps33.xml><?xml version="1.0" encoding="utf-8"?>
<ds:datastoreItem xmlns:ds="http://schemas.openxmlformats.org/officeDocument/2006/customXml" ds:itemID="{0147F45E-21C4-514B-885C-49529781D78C}">
  <ds:schemaRefs/>
</ds:datastoreItem>
</file>

<file path=customXml/itemProps34.xml><?xml version="1.0" encoding="utf-8"?>
<ds:datastoreItem xmlns:ds="http://schemas.openxmlformats.org/officeDocument/2006/customXml" ds:itemID="{03027592-2787-9949-B602-047233C4DEFC}">
  <ds:schemaRefs/>
</ds:datastoreItem>
</file>

<file path=customXml/itemProps35.xml><?xml version="1.0" encoding="utf-8"?>
<ds:datastoreItem xmlns:ds="http://schemas.openxmlformats.org/officeDocument/2006/customXml" ds:itemID="{76EF8299-2C61-E948-BEED-74E38BFD8998}">
  <ds:schemaRefs/>
</ds:datastoreItem>
</file>

<file path=customXml/itemProps36.xml><?xml version="1.0" encoding="utf-8"?>
<ds:datastoreItem xmlns:ds="http://schemas.openxmlformats.org/officeDocument/2006/customXml" ds:itemID="{B6C43A2A-516C-5A49-A681-F50588777F09}">
  <ds:schemaRefs/>
</ds:datastoreItem>
</file>

<file path=customXml/itemProps4.xml><?xml version="1.0" encoding="utf-8"?>
<ds:datastoreItem xmlns:ds="http://schemas.openxmlformats.org/officeDocument/2006/customXml" ds:itemID="{C82D7058-4669-4E98-BC69-B9F7C5417984}">
  <ds:schemaRefs/>
</ds:datastoreItem>
</file>

<file path=customXml/itemProps5.xml><?xml version="1.0" encoding="utf-8"?>
<ds:datastoreItem xmlns:ds="http://schemas.openxmlformats.org/officeDocument/2006/customXml" ds:itemID="{4458CB70-3360-BC47-876C-199B7F0CD52C}">
  <ds:schemaRefs/>
</ds:datastoreItem>
</file>

<file path=customXml/itemProps6.xml><?xml version="1.0" encoding="utf-8"?>
<ds:datastoreItem xmlns:ds="http://schemas.openxmlformats.org/officeDocument/2006/customXml" ds:itemID="{DB31B29E-EAE1-6044-B2EC-0C026484F236}">
  <ds:schemaRefs/>
</ds:datastoreItem>
</file>

<file path=customXml/itemProps7.xml><?xml version="1.0" encoding="utf-8"?>
<ds:datastoreItem xmlns:ds="http://schemas.openxmlformats.org/officeDocument/2006/customXml" ds:itemID="{4C063009-2E72-9049-9F7F-E968B4E05469}">
  <ds:schemaRefs/>
</ds:datastoreItem>
</file>

<file path=customXml/itemProps8.xml><?xml version="1.0" encoding="utf-8"?>
<ds:datastoreItem xmlns:ds="http://schemas.openxmlformats.org/officeDocument/2006/customXml" ds:itemID="{D4D3AC5D-70CC-834C-A9DC-DC2B453F2E56}">
  <ds:schemaRefs/>
</ds:datastoreItem>
</file>

<file path=customXml/itemProps9.xml><?xml version="1.0" encoding="utf-8"?>
<ds:datastoreItem xmlns:ds="http://schemas.openxmlformats.org/officeDocument/2006/customXml" ds:itemID="{6F7AB3E8-B1F2-704F-B89E-8F1A48EC022C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Zuehlke</Template>
  <TotalTime>5272</TotalTime>
  <Words>478</Words>
  <Application>Microsoft Macintosh PowerPoint</Application>
  <PresentationFormat>Widescreen</PresentationFormat>
  <Paragraphs>133</Paragraphs>
  <Slides>22</Slides>
  <Notes>1</Notes>
  <HiddenSlides>4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8" baseType="lpstr">
      <vt:lpstr>AA Zuehlke</vt:lpstr>
      <vt:lpstr>AA Zuehlke Medium</vt:lpstr>
      <vt:lpstr>Courier New</vt:lpstr>
      <vt:lpstr>Symbol</vt:lpstr>
      <vt:lpstr>Comic Sans MS</vt:lpstr>
      <vt:lpstr>Zuehlke</vt:lpstr>
      <vt:lpstr>PowerPoint Presentation</vt:lpstr>
      <vt:lpstr>PowerPoint Presentation</vt:lpstr>
      <vt:lpstr>Disclaimer</vt:lpstr>
      <vt:lpstr>Node-RED</vt:lpstr>
      <vt:lpstr>Node-RED</vt:lpstr>
      <vt:lpstr>Node-RED</vt:lpstr>
      <vt:lpstr>Node-RED</vt:lpstr>
      <vt:lpstr>Node-RED</vt:lpstr>
      <vt:lpstr>PowerPoint Presentation</vt:lpstr>
      <vt:lpstr> Internet of Things</vt:lpstr>
      <vt:lpstr>Architectural Diagram</vt:lpstr>
      <vt:lpstr>PowerPoint Presentation</vt:lpstr>
      <vt:lpstr>Should you use it?</vt:lpstr>
      <vt:lpstr>Visual programming has it’s limitations</vt:lpstr>
      <vt:lpstr>Debugging</vt:lpstr>
      <vt:lpstr>NPM</vt:lpstr>
      <vt:lpstr>Tools</vt:lpstr>
      <vt:lpstr>PowerPoint Presentation</vt:lpstr>
      <vt:lpstr>Sensor</vt:lpstr>
      <vt:lpstr>Raspberry Pi</vt:lpstr>
      <vt:lpstr>Node.js</vt:lpstr>
      <vt:lpstr>MS Azure IoT Central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ans, Casper</dc:creator>
  <cp:lastModifiedBy>Lans, Casper</cp:lastModifiedBy>
  <cp:revision>3</cp:revision>
  <dcterms:created xsi:type="dcterms:W3CDTF">2019-07-19T15:24:56Z</dcterms:created>
  <dcterms:modified xsi:type="dcterms:W3CDTF">2019-07-23T15:24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1-15T14:39:59.4667448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95096402617765</vt:lpwstr>
  </property>
  <property fmtid="{D5CDD505-2E9C-101B-9397-08002B2CF9AE}" pid="6" name="TemplafyLanguageCode">
    <vt:lpwstr>en-GB</vt:lpwstr>
  </property>
</Properties>
</file>